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30"/>
  </p:notesMasterIdLst>
  <p:sldIdLst>
    <p:sldId id="256" r:id="rId3"/>
    <p:sldId id="291" r:id="rId4"/>
    <p:sldId id="257" r:id="rId5"/>
    <p:sldId id="258" r:id="rId6"/>
    <p:sldId id="261" r:id="rId7"/>
    <p:sldId id="280" r:id="rId8"/>
    <p:sldId id="260" r:id="rId9"/>
    <p:sldId id="267" r:id="rId10"/>
    <p:sldId id="292" r:id="rId11"/>
    <p:sldId id="290" r:id="rId12"/>
    <p:sldId id="293" r:id="rId13"/>
    <p:sldId id="295" r:id="rId14"/>
    <p:sldId id="296" r:id="rId15"/>
    <p:sldId id="297" r:id="rId16"/>
    <p:sldId id="298" r:id="rId17"/>
    <p:sldId id="299" r:id="rId18"/>
    <p:sldId id="300" r:id="rId19"/>
    <p:sldId id="301" r:id="rId20"/>
    <p:sldId id="302" r:id="rId21"/>
    <p:sldId id="303" r:id="rId22"/>
    <p:sldId id="304" r:id="rId23"/>
    <p:sldId id="305" r:id="rId24"/>
    <p:sldId id="306" r:id="rId25"/>
    <p:sldId id="307" r:id="rId26"/>
    <p:sldId id="308" r:id="rId27"/>
    <p:sldId id="309" r:id="rId28"/>
    <p:sldId id="310" r:id="rId2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09" autoAdjust="0"/>
    <p:restoredTop sz="94660"/>
  </p:normalViewPr>
  <p:slideViewPr>
    <p:cSldViewPr snapToGrid="0">
      <p:cViewPr varScale="1">
        <p:scale>
          <a:sx n="113" d="100"/>
          <a:sy n="113" d="100"/>
        </p:scale>
        <p:origin x="30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tableStyles" Target="tableStyle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06015CD-F361-4245-B775-F8B72DB4BB0A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2FF91F0-9511-427E-BD58-AEBE4831306F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7BE3A90E-F3A2-4237-AFC1-584F3F44105F}" type="parTrans" cxnId="{F1B82990-3F87-4F0E-96FE-C113C732576D}">
      <dgm:prSet/>
      <dgm:spPr/>
      <dgm:t>
        <a:bodyPr/>
        <a:lstStyle/>
        <a:p>
          <a:endParaRPr lang="en-US"/>
        </a:p>
      </dgm:t>
    </dgm:pt>
    <dgm:pt modelId="{D1572CB3-2A02-4900-A456-B7F994D4F01D}" type="sibTrans" cxnId="{F1B82990-3F87-4F0E-96FE-C113C732576D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7899779-CF17-4205-A716-11B955518FFA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511856D7-65D3-4234-BD03-8BD92AD41436}" type="parTrans" cxnId="{1252419D-9DC3-42D0-8175-0F5FB793272F}">
      <dgm:prSet/>
      <dgm:spPr/>
      <dgm:t>
        <a:bodyPr/>
        <a:lstStyle/>
        <a:p>
          <a:endParaRPr lang="en-US"/>
        </a:p>
      </dgm:t>
    </dgm:pt>
    <dgm:pt modelId="{C37D6681-DF79-41CD-8B38-296B7FA34173}" type="sibTrans" cxnId="{1252419D-9DC3-42D0-8175-0F5FB793272F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0756393-D5B4-4952-A980-02DF28C37CF2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1981F240-E153-45AC-82C5-373DE2149F64}" type="parTrans" cxnId="{CEA31D62-3082-42C1-9612-46D088738F11}">
      <dgm:prSet/>
      <dgm:spPr/>
      <dgm:t>
        <a:bodyPr/>
        <a:lstStyle/>
        <a:p>
          <a:endParaRPr lang="en-US"/>
        </a:p>
      </dgm:t>
    </dgm:pt>
    <dgm:pt modelId="{FF951571-AAA1-43C0-8567-29FFFF92AB25}" type="sibTrans" cxnId="{CEA31D62-3082-42C1-9612-46D088738F11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437E0D70-3D85-4049-B3E5-0E0E3B0B9104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6398ECA-2620-41EE-AF2D-1BF043625A11}" type="parTrans" cxnId="{4830973E-D3E1-4126-9976-81597BB87F68}">
      <dgm:prSet/>
      <dgm:spPr/>
      <dgm:t>
        <a:bodyPr/>
        <a:lstStyle/>
        <a:p>
          <a:endParaRPr lang="en-US"/>
        </a:p>
      </dgm:t>
    </dgm:pt>
    <dgm:pt modelId="{52367875-36F3-410E-80FB-9E1835F2E2DC}" type="sibTrans" cxnId="{4830973E-D3E1-4126-9976-81597BB87F68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ED74A3D-F28F-4E19-ADA2-20F4FC022380}">
      <dgm:prSet phldrT="[Text]" custT="1"/>
      <dgm:spPr/>
      <dgm:t>
        <a:bodyPr/>
        <a:lstStyle/>
        <a:p>
          <a:r>
            <a:rPr lang="en-US" sz="9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8A5FA4D-A178-4523-A231-3796DE3E3B59}" type="parTrans" cxnId="{FBA4F51C-D671-41DB-BA26-4D580BA7CA75}">
      <dgm:prSet/>
      <dgm:spPr/>
      <dgm:t>
        <a:bodyPr/>
        <a:lstStyle/>
        <a:p>
          <a:endParaRPr lang="en-US"/>
        </a:p>
      </dgm:t>
    </dgm:pt>
    <dgm:pt modelId="{697843E7-B11A-477C-95EF-3A17CE30D418}" type="sibTrans" cxnId="{FBA4F51C-D671-41DB-BA26-4D580BA7CA75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2EDE24F-8885-4502-9459-49837C72F963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D6A6A4A8-B05D-4961-8696-B6DCD9024BEE}" type="parTrans" cxnId="{BB72721E-CB27-4383-B93F-D3B988ED99AE}">
      <dgm:prSet/>
      <dgm:spPr/>
      <dgm:t>
        <a:bodyPr/>
        <a:lstStyle/>
        <a:p>
          <a:endParaRPr lang="en-US"/>
        </a:p>
      </dgm:t>
    </dgm:pt>
    <dgm:pt modelId="{70BC259C-E87F-4959-BAD1-4B4699524FD3}" type="sibTrans" cxnId="{BB72721E-CB27-4383-B93F-D3B988ED99AE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4D80AF0-3F3B-4B4F-B841-6B3360C50A66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5BEF54B-28CE-4C2E-AB26-46CE0DD437AE}" type="parTrans" cxnId="{7399C231-D926-4D13-8875-86856ABDCCD2}">
      <dgm:prSet/>
      <dgm:spPr/>
      <dgm:t>
        <a:bodyPr/>
        <a:lstStyle/>
        <a:p>
          <a:endParaRPr lang="en-US"/>
        </a:p>
      </dgm:t>
    </dgm:pt>
    <dgm:pt modelId="{FE9A66A8-C5EB-406B-A427-CC8E4E1A2851}" type="sibTrans" cxnId="{7399C231-D926-4D13-8875-86856ABDCCD2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DBF8454-DA3E-4A52-AAC6-DD34AD053359}" type="pres">
      <dgm:prSet presAssocID="{706015CD-F361-4245-B775-F8B72DB4BB0A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91FB3BC5-5C29-4A29-8E65-F2DC3809478C}" type="pres">
      <dgm:prSet presAssocID="{A2FF91F0-9511-427E-BD58-AEBE4831306F}" presName="dummy" presStyleCnt="0"/>
      <dgm:spPr/>
    </dgm:pt>
    <dgm:pt modelId="{C762F9EB-5631-44B4-A0D3-C2F61B00F6E9}" type="pres">
      <dgm:prSet presAssocID="{A2FF91F0-9511-427E-BD58-AEBE4831306F}" presName="node" presStyleLbl="revTx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FCA20AD-A776-4576-A7CA-E135F2D917BC}" type="pres">
      <dgm:prSet presAssocID="{D1572CB3-2A02-4900-A456-B7F994D4F01D}" presName="sibTrans" presStyleLbl="node1" presStyleIdx="0" presStyleCnt="7"/>
      <dgm:spPr/>
      <dgm:t>
        <a:bodyPr/>
        <a:lstStyle/>
        <a:p>
          <a:endParaRPr lang="en-US"/>
        </a:p>
      </dgm:t>
    </dgm:pt>
    <dgm:pt modelId="{2FA22527-7EF0-49CE-A7E0-74DA419DE9DD}" type="pres">
      <dgm:prSet presAssocID="{E7899779-CF17-4205-A716-11B955518FFA}" presName="dummy" presStyleCnt="0"/>
      <dgm:spPr/>
    </dgm:pt>
    <dgm:pt modelId="{EF05E807-DB45-437D-A6C4-7B1A7205E998}" type="pres">
      <dgm:prSet presAssocID="{E7899779-CF17-4205-A716-11B955518FFA}" presName="node" presStyleLbl="revTx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4F5941B-5AF7-4CA1-9D45-567306F23F0C}" type="pres">
      <dgm:prSet presAssocID="{C37D6681-DF79-41CD-8B38-296B7FA34173}" presName="sibTrans" presStyleLbl="node1" presStyleIdx="1" presStyleCnt="7"/>
      <dgm:spPr/>
      <dgm:t>
        <a:bodyPr/>
        <a:lstStyle/>
        <a:p>
          <a:endParaRPr lang="en-US"/>
        </a:p>
      </dgm:t>
    </dgm:pt>
    <dgm:pt modelId="{B30AC497-CD9D-4B3D-89F7-F0FA63B986A2}" type="pres">
      <dgm:prSet presAssocID="{80756393-D5B4-4952-A980-02DF28C37CF2}" presName="dummy" presStyleCnt="0"/>
      <dgm:spPr/>
    </dgm:pt>
    <dgm:pt modelId="{66AEB7DF-929F-45AC-BD01-D1FF7A0AA728}" type="pres">
      <dgm:prSet presAssocID="{80756393-D5B4-4952-A980-02DF28C37CF2}" presName="node" presStyleLbl="revTx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4948AC0-E1C9-4BC4-B4A5-2DE658B32BA5}" type="pres">
      <dgm:prSet presAssocID="{FF951571-AAA1-43C0-8567-29FFFF92AB25}" presName="sibTrans" presStyleLbl="node1" presStyleIdx="2" presStyleCnt="7"/>
      <dgm:spPr/>
      <dgm:t>
        <a:bodyPr/>
        <a:lstStyle/>
        <a:p>
          <a:endParaRPr lang="en-US"/>
        </a:p>
      </dgm:t>
    </dgm:pt>
    <dgm:pt modelId="{CAF0ED37-9786-45AD-A106-F84219175FF7}" type="pres">
      <dgm:prSet presAssocID="{437E0D70-3D85-4049-B3E5-0E0E3B0B9104}" presName="dummy" presStyleCnt="0"/>
      <dgm:spPr/>
    </dgm:pt>
    <dgm:pt modelId="{8D2F85B0-779F-4AED-865F-B47AB75ABED3}" type="pres">
      <dgm:prSet presAssocID="{437E0D70-3D85-4049-B3E5-0E0E3B0B9104}" presName="node" presStyleLbl="revTx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044C2D-A11C-4BB1-8CAD-7ED5343730A1}" type="pres">
      <dgm:prSet presAssocID="{52367875-36F3-410E-80FB-9E1835F2E2DC}" presName="sibTrans" presStyleLbl="node1" presStyleIdx="3" presStyleCnt="7"/>
      <dgm:spPr/>
      <dgm:t>
        <a:bodyPr/>
        <a:lstStyle/>
        <a:p>
          <a:endParaRPr lang="en-US"/>
        </a:p>
      </dgm:t>
    </dgm:pt>
    <dgm:pt modelId="{C8F86AD4-767B-42FF-8FA7-04A0AF1D389F}" type="pres">
      <dgm:prSet presAssocID="{E2EDE24F-8885-4502-9459-49837C72F963}" presName="dummy" presStyleCnt="0"/>
      <dgm:spPr/>
    </dgm:pt>
    <dgm:pt modelId="{0940C94C-0BB5-44FE-BF05-97803DA086AA}" type="pres">
      <dgm:prSet presAssocID="{E2EDE24F-8885-4502-9459-49837C72F963}" presName="node" presStyleLbl="revTx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98609D-7E47-4C14-9813-529DFC4B7E4D}" type="pres">
      <dgm:prSet presAssocID="{70BC259C-E87F-4959-BAD1-4B4699524FD3}" presName="sibTrans" presStyleLbl="node1" presStyleIdx="4" presStyleCnt="7"/>
      <dgm:spPr/>
      <dgm:t>
        <a:bodyPr/>
        <a:lstStyle/>
        <a:p>
          <a:endParaRPr lang="en-US"/>
        </a:p>
      </dgm:t>
    </dgm:pt>
    <dgm:pt modelId="{E3F4FFD7-45B1-4487-81EB-DBD423548A26}" type="pres">
      <dgm:prSet presAssocID="{D4D80AF0-3F3B-4B4F-B841-6B3360C50A66}" presName="dummy" presStyleCnt="0"/>
      <dgm:spPr/>
    </dgm:pt>
    <dgm:pt modelId="{FB94C7DE-E8B2-4342-902B-1E55D97EDC91}" type="pres">
      <dgm:prSet presAssocID="{D4D80AF0-3F3B-4B4F-B841-6B3360C50A66}" presName="node" presStyleLbl="revTx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437F08F-B124-4AAF-B7C5-91F8A840E0F8}" type="pres">
      <dgm:prSet presAssocID="{FE9A66A8-C5EB-406B-A427-CC8E4E1A2851}" presName="sibTrans" presStyleLbl="node1" presStyleIdx="5" presStyleCnt="7"/>
      <dgm:spPr/>
      <dgm:t>
        <a:bodyPr/>
        <a:lstStyle/>
        <a:p>
          <a:endParaRPr lang="en-US"/>
        </a:p>
      </dgm:t>
    </dgm:pt>
    <dgm:pt modelId="{733A0D6E-51E1-4FF1-98BB-72C33DC49DE0}" type="pres">
      <dgm:prSet presAssocID="{8ED74A3D-F28F-4E19-ADA2-20F4FC022380}" presName="dummy" presStyleCnt="0"/>
      <dgm:spPr/>
    </dgm:pt>
    <dgm:pt modelId="{39F0A454-28F0-4EB8-89CE-DC3C60E04534}" type="pres">
      <dgm:prSet presAssocID="{8ED74A3D-F28F-4E19-ADA2-20F4FC022380}" presName="node" presStyleLbl="revTx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7A1E8E-1CA4-4F0E-AF63-073035099ED2}" type="pres">
      <dgm:prSet presAssocID="{697843E7-B11A-477C-95EF-3A17CE30D418}" presName="sibTrans" presStyleLbl="node1" presStyleIdx="6" presStyleCnt="7"/>
      <dgm:spPr/>
      <dgm:t>
        <a:bodyPr/>
        <a:lstStyle/>
        <a:p>
          <a:endParaRPr lang="en-US"/>
        </a:p>
      </dgm:t>
    </dgm:pt>
  </dgm:ptLst>
  <dgm:cxnLst>
    <dgm:cxn modelId="{574EEF31-17BD-4F6A-BF46-458EFC4E2E41}" type="presOf" srcId="{80756393-D5B4-4952-A980-02DF28C37CF2}" destId="{66AEB7DF-929F-45AC-BD01-D1FF7A0AA728}" srcOrd="0" destOrd="0" presId="urn:microsoft.com/office/officeart/2005/8/layout/cycle1"/>
    <dgm:cxn modelId="{2DFE236B-33CA-466D-800D-5C1923A0D1D1}" type="presOf" srcId="{52367875-36F3-410E-80FB-9E1835F2E2DC}" destId="{4E044C2D-A11C-4BB1-8CAD-7ED5343730A1}" srcOrd="0" destOrd="0" presId="urn:microsoft.com/office/officeart/2005/8/layout/cycle1"/>
    <dgm:cxn modelId="{2E8AA5EF-5B65-4EE0-ACFD-2D3B83887BE4}" type="presOf" srcId="{FF951571-AAA1-43C0-8567-29FFFF92AB25}" destId="{04948AC0-E1C9-4BC4-B4A5-2DE658B32BA5}" srcOrd="0" destOrd="0" presId="urn:microsoft.com/office/officeart/2005/8/layout/cycle1"/>
    <dgm:cxn modelId="{C3552B43-2649-402E-9D97-3D3FEBAD18C5}" type="presOf" srcId="{70BC259C-E87F-4959-BAD1-4B4699524FD3}" destId="{E098609D-7E47-4C14-9813-529DFC4B7E4D}" srcOrd="0" destOrd="0" presId="urn:microsoft.com/office/officeart/2005/8/layout/cycle1"/>
    <dgm:cxn modelId="{BB72721E-CB27-4383-B93F-D3B988ED99AE}" srcId="{706015CD-F361-4245-B775-F8B72DB4BB0A}" destId="{E2EDE24F-8885-4502-9459-49837C72F963}" srcOrd="4" destOrd="0" parTransId="{D6A6A4A8-B05D-4961-8696-B6DCD9024BEE}" sibTransId="{70BC259C-E87F-4959-BAD1-4B4699524FD3}"/>
    <dgm:cxn modelId="{4B870B88-BDCA-405F-8323-C95BFA13151B}" type="presOf" srcId="{D4D80AF0-3F3B-4B4F-B841-6B3360C50A66}" destId="{FB94C7DE-E8B2-4342-902B-1E55D97EDC91}" srcOrd="0" destOrd="0" presId="urn:microsoft.com/office/officeart/2005/8/layout/cycle1"/>
    <dgm:cxn modelId="{549DA555-27A9-47A2-8718-F6A58430BA43}" type="presOf" srcId="{437E0D70-3D85-4049-B3E5-0E0E3B0B9104}" destId="{8D2F85B0-779F-4AED-865F-B47AB75ABED3}" srcOrd="0" destOrd="0" presId="urn:microsoft.com/office/officeart/2005/8/layout/cycle1"/>
    <dgm:cxn modelId="{B2FBBA21-43A0-45BA-927B-8DF5FC117E6A}" type="presOf" srcId="{706015CD-F361-4245-B775-F8B72DB4BB0A}" destId="{DDBF8454-DA3E-4A52-AAC6-DD34AD053359}" srcOrd="0" destOrd="0" presId="urn:microsoft.com/office/officeart/2005/8/layout/cycle1"/>
    <dgm:cxn modelId="{B888320B-6529-40EF-809D-4D67A8CAA7FB}" type="presOf" srcId="{697843E7-B11A-477C-95EF-3A17CE30D418}" destId="{DC7A1E8E-1CA4-4F0E-AF63-073035099ED2}" srcOrd="0" destOrd="0" presId="urn:microsoft.com/office/officeart/2005/8/layout/cycle1"/>
    <dgm:cxn modelId="{CF20AEAE-CA38-4B24-9CBA-D1C8B0A88A6B}" type="presOf" srcId="{A2FF91F0-9511-427E-BD58-AEBE4831306F}" destId="{C762F9EB-5631-44B4-A0D3-C2F61B00F6E9}" srcOrd="0" destOrd="0" presId="urn:microsoft.com/office/officeart/2005/8/layout/cycle1"/>
    <dgm:cxn modelId="{4830973E-D3E1-4126-9976-81597BB87F68}" srcId="{706015CD-F361-4245-B775-F8B72DB4BB0A}" destId="{437E0D70-3D85-4049-B3E5-0E0E3B0B9104}" srcOrd="3" destOrd="0" parTransId="{C6398ECA-2620-41EE-AF2D-1BF043625A11}" sibTransId="{52367875-36F3-410E-80FB-9E1835F2E2DC}"/>
    <dgm:cxn modelId="{F1B82990-3F87-4F0E-96FE-C113C732576D}" srcId="{706015CD-F361-4245-B775-F8B72DB4BB0A}" destId="{A2FF91F0-9511-427E-BD58-AEBE4831306F}" srcOrd="0" destOrd="0" parTransId="{7BE3A90E-F3A2-4237-AFC1-584F3F44105F}" sibTransId="{D1572CB3-2A02-4900-A456-B7F994D4F01D}"/>
    <dgm:cxn modelId="{CEA31D62-3082-42C1-9612-46D088738F11}" srcId="{706015CD-F361-4245-B775-F8B72DB4BB0A}" destId="{80756393-D5B4-4952-A980-02DF28C37CF2}" srcOrd="2" destOrd="0" parTransId="{1981F240-E153-45AC-82C5-373DE2149F64}" sibTransId="{FF951571-AAA1-43C0-8567-29FFFF92AB25}"/>
    <dgm:cxn modelId="{63D5CDFF-AC22-4E30-8B78-81370FF0252F}" type="presOf" srcId="{8ED74A3D-F28F-4E19-ADA2-20F4FC022380}" destId="{39F0A454-28F0-4EB8-89CE-DC3C60E04534}" srcOrd="0" destOrd="0" presId="urn:microsoft.com/office/officeart/2005/8/layout/cycle1"/>
    <dgm:cxn modelId="{FBA4F51C-D671-41DB-BA26-4D580BA7CA75}" srcId="{706015CD-F361-4245-B775-F8B72DB4BB0A}" destId="{8ED74A3D-F28F-4E19-ADA2-20F4FC022380}" srcOrd="6" destOrd="0" parTransId="{C8A5FA4D-A178-4523-A231-3796DE3E3B59}" sibTransId="{697843E7-B11A-477C-95EF-3A17CE30D418}"/>
    <dgm:cxn modelId="{A628CC16-012F-4D2A-A33A-A3E32C37F228}" type="presOf" srcId="{C37D6681-DF79-41CD-8B38-296B7FA34173}" destId="{C4F5941B-5AF7-4CA1-9D45-567306F23F0C}" srcOrd="0" destOrd="0" presId="urn:microsoft.com/office/officeart/2005/8/layout/cycle1"/>
    <dgm:cxn modelId="{A3EC316D-23DC-48EE-9D96-436693AEE38B}" type="presOf" srcId="{FE9A66A8-C5EB-406B-A427-CC8E4E1A2851}" destId="{3437F08F-B124-4AAF-B7C5-91F8A840E0F8}" srcOrd="0" destOrd="0" presId="urn:microsoft.com/office/officeart/2005/8/layout/cycle1"/>
    <dgm:cxn modelId="{1252419D-9DC3-42D0-8175-0F5FB793272F}" srcId="{706015CD-F361-4245-B775-F8B72DB4BB0A}" destId="{E7899779-CF17-4205-A716-11B955518FFA}" srcOrd="1" destOrd="0" parTransId="{511856D7-65D3-4234-BD03-8BD92AD41436}" sibTransId="{C37D6681-DF79-41CD-8B38-296B7FA34173}"/>
    <dgm:cxn modelId="{51F666FB-179C-4FBA-A019-53E7AA59C9F0}" type="presOf" srcId="{E2EDE24F-8885-4502-9459-49837C72F963}" destId="{0940C94C-0BB5-44FE-BF05-97803DA086AA}" srcOrd="0" destOrd="0" presId="urn:microsoft.com/office/officeart/2005/8/layout/cycle1"/>
    <dgm:cxn modelId="{A5BCB7F3-D5BF-4FA0-B470-2EB3402AB259}" type="presOf" srcId="{E7899779-CF17-4205-A716-11B955518FFA}" destId="{EF05E807-DB45-437D-A6C4-7B1A7205E998}" srcOrd="0" destOrd="0" presId="urn:microsoft.com/office/officeart/2005/8/layout/cycle1"/>
    <dgm:cxn modelId="{D86E20E8-4FF9-4530-8B9B-9EBA226B7F17}" type="presOf" srcId="{D1572CB3-2A02-4900-A456-B7F994D4F01D}" destId="{FFCA20AD-A776-4576-A7CA-E135F2D917BC}" srcOrd="0" destOrd="0" presId="urn:microsoft.com/office/officeart/2005/8/layout/cycle1"/>
    <dgm:cxn modelId="{7399C231-D926-4D13-8875-86856ABDCCD2}" srcId="{706015CD-F361-4245-B775-F8B72DB4BB0A}" destId="{D4D80AF0-3F3B-4B4F-B841-6B3360C50A66}" srcOrd="5" destOrd="0" parTransId="{C5BEF54B-28CE-4C2E-AB26-46CE0DD437AE}" sibTransId="{FE9A66A8-C5EB-406B-A427-CC8E4E1A2851}"/>
    <dgm:cxn modelId="{C326D31C-8655-41BB-8626-FCF466020335}" type="presParOf" srcId="{DDBF8454-DA3E-4A52-AAC6-DD34AD053359}" destId="{91FB3BC5-5C29-4A29-8E65-F2DC3809478C}" srcOrd="0" destOrd="0" presId="urn:microsoft.com/office/officeart/2005/8/layout/cycle1"/>
    <dgm:cxn modelId="{4C7F4E5E-DF76-4B25-A8E1-91F513FA96B0}" type="presParOf" srcId="{DDBF8454-DA3E-4A52-AAC6-DD34AD053359}" destId="{C762F9EB-5631-44B4-A0D3-C2F61B00F6E9}" srcOrd="1" destOrd="0" presId="urn:microsoft.com/office/officeart/2005/8/layout/cycle1"/>
    <dgm:cxn modelId="{1FB38B64-E61B-4FDA-BE21-98AF9D38F557}" type="presParOf" srcId="{DDBF8454-DA3E-4A52-AAC6-DD34AD053359}" destId="{FFCA20AD-A776-4576-A7CA-E135F2D917BC}" srcOrd="2" destOrd="0" presId="urn:microsoft.com/office/officeart/2005/8/layout/cycle1"/>
    <dgm:cxn modelId="{F611FEE9-005C-43C3-8C66-FD3B7268A9CE}" type="presParOf" srcId="{DDBF8454-DA3E-4A52-AAC6-DD34AD053359}" destId="{2FA22527-7EF0-49CE-A7E0-74DA419DE9DD}" srcOrd="3" destOrd="0" presId="urn:microsoft.com/office/officeart/2005/8/layout/cycle1"/>
    <dgm:cxn modelId="{02907CC6-A4D7-4D8C-9B45-3C2D19070F03}" type="presParOf" srcId="{DDBF8454-DA3E-4A52-AAC6-DD34AD053359}" destId="{EF05E807-DB45-437D-A6C4-7B1A7205E998}" srcOrd="4" destOrd="0" presId="urn:microsoft.com/office/officeart/2005/8/layout/cycle1"/>
    <dgm:cxn modelId="{B7410C65-4F88-4B2B-A108-E20DA111AECD}" type="presParOf" srcId="{DDBF8454-DA3E-4A52-AAC6-DD34AD053359}" destId="{C4F5941B-5AF7-4CA1-9D45-567306F23F0C}" srcOrd="5" destOrd="0" presId="urn:microsoft.com/office/officeart/2005/8/layout/cycle1"/>
    <dgm:cxn modelId="{AFCC2C63-F4CC-43EF-85B1-60021C31324E}" type="presParOf" srcId="{DDBF8454-DA3E-4A52-AAC6-DD34AD053359}" destId="{B30AC497-CD9D-4B3D-89F7-F0FA63B986A2}" srcOrd="6" destOrd="0" presId="urn:microsoft.com/office/officeart/2005/8/layout/cycle1"/>
    <dgm:cxn modelId="{84807145-E7BC-4027-BB3C-A2F8022C873E}" type="presParOf" srcId="{DDBF8454-DA3E-4A52-AAC6-DD34AD053359}" destId="{66AEB7DF-929F-45AC-BD01-D1FF7A0AA728}" srcOrd="7" destOrd="0" presId="urn:microsoft.com/office/officeart/2005/8/layout/cycle1"/>
    <dgm:cxn modelId="{AC62A195-FA0A-424E-8ED5-CDFA4B5EEF13}" type="presParOf" srcId="{DDBF8454-DA3E-4A52-AAC6-DD34AD053359}" destId="{04948AC0-E1C9-4BC4-B4A5-2DE658B32BA5}" srcOrd="8" destOrd="0" presId="urn:microsoft.com/office/officeart/2005/8/layout/cycle1"/>
    <dgm:cxn modelId="{21DF529B-D01D-43C8-ACE3-B06AEE1C8213}" type="presParOf" srcId="{DDBF8454-DA3E-4A52-AAC6-DD34AD053359}" destId="{CAF0ED37-9786-45AD-A106-F84219175FF7}" srcOrd="9" destOrd="0" presId="urn:microsoft.com/office/officeart/2005/8/layout/cycle1"/>
    <dgm:cxn modelId="{40B638AB-CFDB-49C3-A1DB-50C99036EDAD}" type="presParOf" srcId="{DDBF8454-DA3E-4A52-AAC6-DD34AD053359}" destId="{8D2F85B0-779F-4AED-865F-B47AB75ABED3}" srcOrd="10" destOrd="0" presId="urn:microsoft.com/office/officeart/2005/8/layout/cycle1"/>
    <dgm:cxn modelId="{217AC526-3DA5-4DA6-8682-31B5BF99E049}" type="presParOf" srcId="{DDBF8454-DA3E-4A52-AAC6-DD34AD053359}" destId="{4E044C2D-A11C-4BB1-8CAD-7ED5343730A1}" srcOrd="11" destOrd="0" presId="urn:microsoft.com/office/officeart/2005/8/layout/cycle1"/>
    <dgm:cxn modelId="{B4E0A997-2064-4A54-849C-CBD198A206CE}" type="presParOf" srcId="{DDBF8454-DA3E-4A52-AAC6-DD34AD053359}" destId="{C8F86AD4-767B-42FF-8FA7-04A0AF1D389F}" srcOrd="12" destOrd="0" presId="urn:microsoft.com/office/officeart/2005/8/layout/cycle1"/>
    <dgm:cxn modelId="{8858B80B-3C74-4208-8DE1-AA7CD0670424}" type="presParOf" srcId="{DDBF8454-DA3E-4A52-AAC6-DD34AD053359}" destId="{0940C94C-0BB5-44FE-BF05-97803DA086AA}" srcOrd="13" destOrd="0" presId="urn:microsoft.com/office/officeart/2005/8/layout/cycle1"/>
    <dgm:cxn modelId="{C181C56D-E7E1-4344-A5A5-9BB79C854C6F}" type="presParOf" srcId="{DDBF8454-DA3E-4A52-AAC6-DD34AD053359}" destId="{E098609D-7E47-4C14-9813-529DFC4B7E4D}" srcOrd="14" destOrd="0" presId="urn:microsoft.com/office/officeart/2005/8/layout/cycle1"/>
    <dgm:cxn modelId="{5FE25634-D9A4-42AD-A888-7C247B9BBB39}" type="presParOf" srcId="{DDBF8454-DA3E-4A52-AAC6-DD34AD053359}" destId="{E3F4FFD7-45B1-4487-81EB-DBD423548A26}" srcOrd="15" destOrd="0" presId="urn:microsoft.com/office/officeart/2005/8/layout/cycle1"/>
    <dgm:cxn modelId="{8AC974A7-4D5D-4FCE-B48E-4598408318F3}" type="presParOf" srcId="{DDBF8454-DA3E-4A52-AAC6-DD34AD053359}" destId="{FB94C7DE-E8B2-4342-902B-1E55D97EDC91}" srcOrd="16" destOrd="0" presId="urn:microsoft.com/office/officeart/2005/8/layout/cycle1"/>
    <dgm:cxn modelId="{6CAB621B-4F37-4F43-9FFC-6FB8CCF482E0}" type="presParOf" srcId="{DDBF8454-DA3E-4A52-AAC6-DD34AD053359}" destId="{3437F08F-B124-4AAF-B7C5-91F8A840E0F8}" srcOrd="17" destOrd="0" presId="urn:microsoft.com/office/officeart/2005/8/layout/cycle1"/>
    <dgm:cxn modelId="{6FC873E3-9D09-4014-85E3-91156E63302F}" type="presParOf" srcId="{DDBF8454-DA3E-4A52-AAC6-DD34AD053359}" destId="{733A0D6E-51E1-4FF1-98BB-72C33DC49DE0}" srcOrd="18" destOrd="0" presId="urn:microsoft.com/office/officeart/2005/8/layout/cycle1"/>
    <dgm:cxn modelId="{A2D17DD8-10B2-4D91-8A96-97DB6968C8C3}" type="presParOf" srcId="{DDBF8454-DA3E-4A52-AAC6-DD34AD053359}" destId="{39F0A454-28F0-4EB8-89CE-DC3C60E04534}" srcOrd="19" destOrd="0" presId="urn:microsoft.com/office/officeart/2005/8/layout/cycle1"/>
    <dgm:cxn modelId="{787B275D-4DCE-4608-8EF6-F11AAD62DFF8}" type="presParOf" srcId="{DDBF8454-DA3E-4A52-AAC6-DD34AD053359}" destId="{DC7A1E8E-1CA4-4F0E-AF63-073035099ED2}" srcOrd="20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IT Operations Team (Managed Infrastructure)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 and Division teams as needed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smtClean="0">
              <a:latin typeface="Calibri" panose="020F0502020204030204" pitchFamily="34" charset="0"/>
            </a:rPr>
            <a:t>- </a:t>
          </a:r>
          <a:r>
            <a:rPr lang="en-US" sz="1200" dirty="0" smtClean="0">
              <a:latin typeface="Calibri" panose="020F0502020204030204" pitchFamily="34" charset="0"/>
            </a:rPr>
            <a:t>Focused on PROD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01DBBB31-D61C-44CB-B8B6-502E2B77C62D}" type="presOf" srcId="{BCFADF05-5797-449D-A628-CDCEA629AF5C}" destId="{B532EDDD-877B-4CF9-8CB0-A8704E7C502B}" srcOrd="0" destOrd="0" presId="urn:microsoft.com/office/officeart/2008/layout/AlternatingHexagons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8793B0DB-0938-4415-A055-5A0A625E602D}" type="presOf" srcId="{78ADC5D3-44AA-4AA6-8750-84CE002F29C7}" destId="{DC070852-9A92-41FA-89E5-9AD3CFD31E9B}" srcOrd="0" destOrd="0" presId="urn:microsoft.com/office/officeart/2008/layout/AlternatingHexagons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09CE9C81-137A-457B-B916-A7F0029ED4C4}" type="presOf" srcId="{09606399-85D2-4117-90D7-980B573330C2}" destId="{000CBFFC-8D67-49A8-BDA6-9F9EF4AEA9F1}" srcOrd="0" destOrd="0" presId="urn:microsoft.com/office/officeart/2008/layout/AlternatingHexagons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A64D0716-A0A9-4E57-BAFC-19FC6542D9DF}" type="presOf" srcId="{2A5D98F7-22C9-4081-9908-0DC5D9880197}" destId="{000CBFFC-8D67-49A8-BDA6-9F9EF4AEA9F1}" srcOrd="0" destOrd="3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53A0641B-CAC1-4DE0-9353-C85045A9E44A}" type="presOf" srcId="{C6CE160B-9EE5-42C8-A1DB-23C725361F60}" destId="{52BF5CDE-2645-4F1A-88AB-E5409244210A}" srcOrd="0" destOrd="0" presId="urn:microsoft.com/office/officeart/2008/layout/AlternatingHexagons"/>
    <dgm:cxn modelId="{EE068C09-5F3D-4CE9-A58F-E27F1F63CD59}" type="presOf" srcId="{2CB3E2AE-A09E-435B-BB30-A98DDDCC73D6}" destId="{4C474B45-487B-47AA-8B8A-A1FD062ED345}" srcOrd="0" destOrd="0" presId="urn:microsoft.com/office/officeart/2008/layout/AlternatingHexagons"/>
    <dgm:cxn modelId="{222D9F2E-F2F7-4451-9033-652F358D82A3}" type="presOf" srcId="{5AC2B5A1-E0AB-414B-B4A4-31C27D50C96F}" destId="{33A0B55F-2E99-4CD6-8EAA-5F285795D8E6}" srcOrd="0" destOrd="0" presId="urn:microsoft.com/office/officeart/2008/layout/AlternatingHexagons"/>
    <dgm:cxn modelId="{7306B6E5-01B6-4C7E-B47E-D218FC6DB991}" type="presOf" srcId="{6A6A845B-C485-4B12-84A5-5760DB971572}" destId="{005D2D57-D0E3-42FF-AF8F-26F66AA0AF9C}" srcOrd="0" destOrd="0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E43BFFB3-1D49-4A79-BEA3-A05B121D2F26}" type="presOf" srcId="{8DED0216-C58E-48B8-8B79-23A121BB2168}" destId="{BBA0B347-B5B6-4E0B-A97F-103907995746}" srcOrd="0" destOrd="0" presId="urn:microsoft.com/office/officeart/2008/layout/AlternatingHexagons"/>
    <dgm:cxn modelId="{81CD04E7-FEF2-4370-B2BB-16244D296A4F}" type="presOf" srcId="{7AEDCFDE-4E99-4966-85AA-5CA85C28CA8F}" destId="{B532EDDD-877B-4CF9-8CB0-A8704E7C502B}" srcOrd="0" destOrd="1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05B406B2-4649-45F6-BE7B-8FDCD78F9239}" type="presOf" srcId="{BFF6D2FD-CC20-49CB-8EE7-C80C6AED2CB4}" destId="{B532EDDD-877B-4CF9-8CB0-A8704E7C502B}" srcOrd="0" destOrd="2" presId="urn:microsoft.com/office/officeart/2008/layout/AlternatingHexagons"/>
    <dgm:cxn modelId="{B83E33DA-C835-412E-8EA1-3AECA442A354}" type="presOf" srcId="{5D04C2AD-0F68-453D-A4A4-4BB89260F66F}" destId="{DC30F273-7D6D-4A7F-A069-079D69D90BA5}" srcOrd="0" destOrd="0" presId="urn:microsoft.com/office/officeart/2008/layout/AlternatingHexagons"/>
    <dgm:cxn modelId="{2D9AE96D-702C-4A7D-A319-7AA25735C0FC}" type="presOf" srcId="{9FE53E70-F2F1-435E-B440-F308C9D2830E}" destId="{9AA48EFC-0032-4187-B3FA-D32EF00D6F13}" srcOrd="0" destOrd="0" presId="urn:microsoft.com/office/officeart/2008/layout/AlternatingHexagons"/>
    <dgm:cxn modelId="{0B5EA3A3-BEE1-4587-92CB-97A76BA83634}" type="presOf" srcId="{23434BEA-2C77-4A92-BB95-DEFD50495BCB}" destId="{000CBFFC-8D67-49A8-BDA6-9F9EF4AEA9F1}" srcOrd="0" destOrd="1" presId="urn:microsoft.com/office/officeart/2008/layout/AlternatingHexagons"/>
    <dgm:cxn modelId="{02116758-2B8E-438B-8E07-49EB7EA31796}" type="presOf" srcId="{43CC2B94-D939-44DA-989B-01D0055B8564}" destId="{000CBFFC-8D67-49A8-BDA6-9F9EF4AEA9F1}" srcOrd="0" destOrd="2" presId="urn:microsoft.com/office/officeart/2008/layout/AlternatingHexagons"/>
    <dgm:cxn modelId="{4EEEA43A-2D57-4871-A62F-EB5D45A41351}" type="presParOf" srcId="{DC070852-9A92-41FA-89E5-9AD3CFD31E9B}" destId="{E61C62C3-E5D3-4D9C-97A9-9B09A4D0901B}" srcOrd="0" destOrd="0" presId="urn:microsoft.com/office/officeart/2008/layout/AlternatingHexagons"/>
    <dgm:cxn modelId="{654C7638-BFB8-412E-8F54-986665708E3D}" type="presParOf" srcId="{E61C62C3-E5D3-4D9C-97A9-9B09A4D0901B}" destId="{005D2D57-D0E3-42FF-AF8F-26F66AA0AF9C}" srcOrd="0" destOrd="0" presId="urn:microsoft.com/office/officeart/2008/layout/AlternatingHexagons"/>
    <dgm:cxn modelId="{F6138176-4825-4F6F-BB26-5B4DA39A60C6}" type="presParOf" srcId="{E61C62C3-E5D3-4D9C-97A9-9B09A4D0901B}" destId="{DC30F273-7D6D-4A7F-A069-079D69D90BA5}" srcOrd="1" destOrd="0" presId="urn:microsoft.com/office/officeart/2008/layout/AlternatingHexagons"/>
    <dgm:cxn modelId="{D49EE7CE-4FBA-4BBA-B064-8BFB1464D0D6}" type="presParOf" srcId="{E61C62C3-E5D3-4D9C-97A9-9B09A4D0901B}" destId="{5694028D-0188-48D3-AE85-74923E682313}" srcOrd="2" destOrd="0" presId="urn:microsoft.com/office/officeart/2008/layout/AlternatingHexagons"/>
    <dgm:cxn modelId="{1FE5C472-795B-4DB0-AFD6-F2885FF2CB0C}" type="presParOf" srcId="{E61C62C3-E5D3-4D9C-97A9-9B09A4D0901B}" destId="{4792A7E1-B5E7-43F9-BD7F-D23761C169D6}" srcOrd="3" destOrd="0" presId="urn:microsoft.com/office/officeart/2008/layout/AlternatingHexagons"/>
    <dgm:cxn modelId="{429C4994-3047-4326-AA42-D0E5814CAD8E}" type="presParOf" srcId="{E61C62C3-E5D3-4D9C-97A9-9B09A4D0901B}" destId="{52BF5CDE-2645-4F1A-88AB-E5409244210A}" srcOrd="4" destOrd="0" presId="urn:microsoft.com/office/officeart/2008/layout/AlternatingHexagons"/>
    <dgm:cxn modelId="{5C994DF8-B45D-4E28-85F2-ECE5A255B733}" type="presParOf" srcId="{DC070852-9A92-41FA-89E5-9AD3CFD31E9B}" destId="{5AEC5B74-9849-4FAF-AFE6-98E9A36D91FA}" srcOrd="1" destOrd="0" presId="urn:microsoft.com/office/officeart/2008/layout/AlternatingHexagons"/>
    <dgm:cxn modelId="{9B27F1B9-8AAE-485E-A7B8-66963756A2B9}" type="presParOf" srcId="{DC070852-9A92-41FA-89E5-9AD3CFD31E9B}" destId="{F9530DCC-8C2F-4627-8F8D-D47C24067A02}" srcOrd="2" destOrd="0" presId="urn:microsoft.com/office/officeart/2008/layout/AlternatingHexagons"/>
    <dgm:cxn modelId="{DF3388F1-65B7-4466-A72B-EE2FE79BC9B4}" type="presParOf" srcId="{F9530DCC-8C2F-4627-8F8D-D47C24067A02}" destId="{33A0B55F-2E99-4CD6-8EAA-5F285795D8E6}" srcOrd="0" destOrd="0" presId="urn:microsoft.com/office/officeart/2008/layout/AlternatingHexagons"/>
    <dgm:cxn modelId="{75B18AB2-BD0B-4EF2-BAA0-F79679608C27}" type="presParOf" srcId="{F9530DCC-8C2F-4627-8F8D-D47C24067A02}" destId="{000CBFFC-8D67-49A8-BDA6-9F9EF4AEA9F1}" srcOrd="1" destOrd="0" presId="urn:microsoft.com/office/officeart/2008/layout/AlternatingHexagons"/>
    <dgm:cxn modelId="{ACB6A862-410C-4E53-83B9-AF75BB7554F9}" type="presParOf" srcId="{F9530DCC-8C2F-4627-8F8D-D47C24067A02}" destId="{90252E1F-3F9A-4B98-8EF5-B55CFC347DC3}" srcOrd="2" destOrd="0" presId="urn:microsoft.com/office/officeart/2008/layout/AlternatingHexagons"/>
    <dgm:cxn modelId="{0D84124A-1F61-42C3-97CE-2882CED0AFA0}" type="presParOf" srcId="{F9530DCC-8C2F-4627-8F8D-D47C24067A02}" destId="{A19DE30B-C814-4C20-93F3-9364268E7206}" srcOrd="3" destOrd="0" presId="urn:microsoft.com/office/officeart/2008/layout/AlternatingHexagons"/>
    <dgm:cxn modelId="{5F27B0C3-0AF0-4852-A168-41C37D9B72DD}" type="presParOf" srcId="{F9530DCC-8C2F-4627-8F8D-D47C24067A02}" destId="{BBA0B347-B5B6-4E0B-A97F-103907995746}" srcOrd="4" destOrd="0" presId="urn:microsoft.com/office/officeart/2008/layout/AlternatingHexagons"/>
    <dgm:cxn modelId="{01121BAB-7AAB-4C74-A2C1-A6054DFB5C98}" type="presParOf" srcId="{DC070852-9A92-41FA-89E5-9AD3CFD31E9B}" destId="{4C6E3374-CCF6-424C-A56B-E13DC3A6E199}" srcOrd="3" destOrd="0" presId="urn:microsoft.com/office/officeart/2008/layout/AlternatingHexagons"/>
    <dgm:cxn modelId="{83FF80B0-A730-481F-B948-485D20D14F95}" type="presParOf" srcId="{DC070852-9A92-41FA-89E5-9AD3CFD31E9B}" destId="{846C21E5-5E86-406B-9C49-7B628177D88D}" srcOrd="4" destOrd="0" presId="urn:microsoft.com/office/officeart/2008/layout/AlternatingHexagons"/>
    <dgm:cxn modelId="{02C90BFD-87EC-425E-AE39-C01C2F7EE2FB}" type="presParOf" srcId="{846C21E5-5E86-406B-9C49-7B628177D88D}" destId="{4C474B45-487B-47AA-8B8A-A1FD062ED345}" srcOrd="0" destOrd="0" presId="urn:microsoft.com/office/officeart/2008/layout/AlternatingHexagons"/>
    <dgm:cxn modelId="{D8A06947-F7EE-4DD7-85CC-1595748572B5}" type="presParOf" srcId="{846C21E5-5E86-406B-9C49-7B628177D88D}" destId="{B532EDDD-877B-4CF9-8CB0-A8704E7C502B}" srcOrd="1" destOrd="0" presId="urn:microsoft.com/office/officeart/2008/layout/AlternatingHexagons"/>
    <dgm:cxn modelId="{AB6B756E-FE8A-4A86-8FF2-3A4B98DA7558}" type="presParOf" srcId="{846C21E5-5E86-406B-9C49-7B628177D88D}" destId="{8E6C81AE-1760-451A-AF5C-45D4C13B7D46}" srcOrd="2" destOrd="0" presId="urn:microsoft.com/office/officeart/2008/layout/AlternatingHexagons"/>
    <dgm:cxn modelId="{08A02D5E-604E-4776-A07F-E113DBDC9003}" type="presParOf" srcId="{846C21E5-5E86-406B-9C49-7B628177D88D}" destId="{378298D3-8F1A-41AF-870C-29E8251BE26F}" srcOrd="3" destOrd="0" presId="urn:microsoft.com/office/officeart/2008/layout/AlternatingHexagons"/>
    <dgm:cxn modelId="{8D3495A9-E18B-4F7B-B273-B0BF52B16CA1}" type="presParOf" srcId="{846C21E5-5E86-406B-9C49-7B628177D88D}" destId="{9AA48EFC-0032-4187-B3FA-D32EF00D6F13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62F9EB-5631-44B4-A0D3-C2F61B00F6E9}">
      <dsp:nvSpPr>
        <dsp:cNvPr id="0" name=""/>
        <dsp:cNvSpPr/>
      </dsp:nvSpPr>
      <dsp:spPr>
        <a:xfrm>
          <a:off x="2474897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2474897" y="1813"/>
        <a:ext cx="708035" cy="708035"/>
      </dsp:txXfrm>
    </dsp:sp>
    <dsp:sp modelId="{FFCA20AD-A776-4576-A7CA-E135F2D917B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9826227"/>
            <a:gd name="adj4" fmla="val 18606236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F05E807-DB45-437D-A6C4-7B1A7205E998}">
      <dsp:nvSpPr>
        <dsp:cNvPr id="0" name=""/>
        <dsp:cNvSpPr/>
      </dsp:nvSpPr>
      <dsp:spPr>
        <a:xfrm>
          <a:off x="3385721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385721" y="1143950"/>
        <a:ext cx="708035" cy="708035"/>
      </dsp:txXfrm>
    </dsp:sp>
    <dsp:sp modelId="{C4F5941B-5AF7-4CA1-9D45-567306F23F0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229352"/>
            <a:gd name="adj4" fmla="val 21557961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6AEB7DF-929F-45AC-BD01-D1FF7A0AA728}">
      <dsp:nvSpPr>
        <dsp:cNvPr id="0" name=""/>
        <dsp:cNvSpPr/>
      </dsp:nvSpPr>
      <dsp:spPr>
        <a:xfrm>
          <a:off x="3060651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060651" y="2568172"/>
        <a:ext cx="708035" cy="708035"/>
      </dsp:txXfrm>
    </dsp:sp>
    <dsp:sp modelId="{04948AC0-E1C9-4BC4-B4A5-2DE658B32BA5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4436632"/>
            <a:gd name="adj4" fmla="val 3308543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D2F85B0-779F-4AED-865F-B47AB75ABED3}">
      <dsp:nvSpPr>
        <dsp:cNvPr id="0" name=""/>
        <dsp:cNvSpPr/>
      </dsp:nvSpPr>
      <dsp:spPr>
        <a:xfrm>
          <a:off x="1744473" y="320201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744473" y="3202010"/>
        <a:ext cx="708035" cy="708035"/>
      </dsp:txXfrm>
    </dsp:sp>
    <dsp:sp modelId="{4E044C2D-A11C-4BB1-8CAD-7ED5343730A1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7256458"/>
            <a:gd name="adj4" fmla="val 612836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40C94C-0BB5-44FE-BF05-97803DA086AA}">
      <dsp:nvSpPr>
        <dsp:cNvPr id="0" name=""/>
        <dsp:cNvSpPr/>
      </dsp:nvSpPr>
      <dsp:spPr>
        <a:xfrm>
          <a:off x="428295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428295" y="2568172"/>
        <a:ext cx="708035" cy="708035"/>
      </dsp:txXfrm>
    </dsp:sp>
    <dsp:sp modelId="{E098609D-7E47-4C14-9813-529DFC4B7E4D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0607041"/>
            <a:gd name="adj4" fmla="val 933564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94C7DE-E8B2-4342-902B-1E55D97EDC91}">
      <dsp:nvSpPr>
        <dsp:cNvPr id="0" name=""/>
        <dsp:cNvSpPr/>
      </dsp:nvSpPr>
      <dsp:spPr>
        <a:xfrm>
          <a:off x="103225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3225" y="1143950"/>
        <a:ext cx="708035" cy="708035"/>
      </dsp:txXfrm>
    </dsp:sp>
    <dsp:sp modelId="{3437F08F-B124-4AAF-B7C5-91F8A840E0F8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3558765"/>
            <a:gd name="adj4" fmla="val 12338774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9F0A454-28F0-4EB8-89CE-DC3C60E04534}">
      <dsp:nvSpPr>
        <dsp:cNvPr id="0" name=""/>
        <dsp:cNvSpPr/>
      </dsp:nvSpPr>
      <dsp:spPr>
        <a:xfrm>
          <a:off x="1014049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14049" y="1813"/>
        <a:ext cx="708035" cy="708035"/>
      </dsp:txXfrm>
    </dsp:sp>
    <dsp:sp modelId="{DC7A1E8E-1CA4-4F0E-AF63-073035099ED2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6740205"/>
            <a:gd name="adj4" fmla="val 15424797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773B66B-CD45-41C2-A704-0D19DAD58BEA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DF7710-8086-406B-845A-B32CA378F03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33479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“Automate Everything”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D29811-16B1-46F0-AEA4-D98FEF6914C0}" type="slidenum">
              <a:rPr lang="en-US" smtClean="0">
                <a:solidFill>
                  <a:prstClr val="black"/>
                </a:solidFill>
              </a:rPr>
              <a:pPr/>
              <a:t>2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72400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3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12389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“Automate Everything”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D29811-16B1-46F0-AEA4-D98FEF6914C0}" type="slidenum">
              <a:rPr lang="en-US" smtClean="0">
                <a:solidFill>
                  <a:prstClr val="black"/>
                </a:solidFill>
              </a:rPr>
              <a:pPr/>
              <a:t>24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63426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52559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45921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89590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73824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85345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75380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8808274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7719461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9616096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3680754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6428782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smtClean="0"/>
              <a:t>10/21/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1732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1697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226516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6328132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3696828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355683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659492514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1068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7864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56763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1701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49197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52547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470376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13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77AE9D9-A30C-4A36-81AD-3DC1E50E55D1}" type="datetimeFigureOut">
              <a:rPr lang="en-US" smtClean="0"/>
              <a:t>1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5837204-9797-4E08-BBF1-6CD41867F9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99254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5089029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tfs.mmm.com/_layouts/15/start.aspx#/Lists/Team%20Project%20Requests/NewForm.aspx?RootFolder=" TargetMode="External"/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hyperlink" Target="http://tfsdev.mmm.com:8080/tfs/DefaultCollection/Demo%20Project" TargetMode="Externa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13" Type="http://schemas.openxmlformats.org/officeDocument/2006/relationships/image" Target="../media/image22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jpe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Relationship Id="rId14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4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hyperlink" Target="http://ithelp.mmm.com/" TargetMode="External"/><Relationship Id="rId1" Type="http://schemas.openxmlformats.org/officeDocument/2006/relationships/slideLayout" Target="../slideLayouts/slideLayout1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1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28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1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jpeg"/><Relationship Id="rId1" Type="http://schemas.openxmlformats.org/officeDocument/2006/relationships/slideLayout" Target="../slideLayouts/slideLayout14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Scrum &amp; ETFS – Part II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Lunch and Learn – Nov 18, 2014</a:t>
            </a:r>
          </a:p>
          <a:p>
            <a:r>
              <a:rPr lang="en-US" dirty="0" smtClean="0"/>
              <a:t>Mike O’Bri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798716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eam Project Setup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3"/>
              </a:rPr>
              <a:t>Request new Team Project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missions - Setup Teams and work areas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rea Paths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Iterations – “</a:t>
            </a:r>
            <a:r>
              <a:rPr lang="en-US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Timebox</a:t>
            </a: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” your iterations</a:t>
            </a: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59745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lease Planning / Build the </a:t>
            </a: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Backlog</a:t>
            </a:r>
          </a:p>
          <a:p>
            <a:pPr lvl="1"/>
            <a:r>
              <a:rPr lang="en-US" dirty="0"/>
              <a:t>What to Build</a:t>
            </a:r>
          </a:p>
          <a:p>
            <a:pPr lvl="1"/>
            <a:r>
              <a:rPr lang="en-US" dirty="0"/>
              <a:t>In What Order</a:t>
            </a:r>
          </a:p>
          <a:p>
            <a:pPr lvl="1"/>
            <a:r>
              <a:rPr lang="en-US" dirty="0"/>
              <a:t>By When</a:t>
            </a: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43800" y="373662"/>
            <a:ext cx="4648200" cy="184785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32305" y="3736586"/>
            <a:ext cx="6606888" cy="285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6544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Sprint Planning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Part I: Determine “what” Product Backlog Items will be completed in the Sprint by the Team (the Goal)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Part II:  Determine “how” the work will be completed in the Sprint by the Team (the Tasks)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Capacity Planning</a:t>
            </a: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05600" y="1176607"/>
            <a:ext cx="4648200" cy="1847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17749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Daily Standup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eam inspects and adapts</a:t>
            </a:r>
          </a:p>
          <a:p>
            <a:pPr lvl="1"/>
            <a:r>
              <a:rPr lang="en-US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Burndown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Update Tasks</a:t>
            </a: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50966" y="2778002"/>
            <a:ext cx="4764657" cy="27070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520224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Sprint Review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Prior – final update of tasks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Mark Product Backlog Items complete if accepted by Product Owner, otherwise return to Backlog</a:t>
            </a: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7814327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Demo Project on tfsdev.mmm.com</a:t>
            </a: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Retrospective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What went well?</a:t>
            </a:r>
          </a:p>
          <a:p>
            <a:pPr lvl="2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Recognize simple but effective things</a:t>
            </a:r>
          </a:p>
          <a:p>
            <a:pPr lvl="2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Focus on the Team – not the Product</a:t>
            </a:r>
          </a:p>
          <a:p>
            <a:pPr lvl="1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What did Not go so Well?</a:t>
            </a:r>
          </a:p>
          <a:p>
            <a:pPr lvl="2"/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Identify impediments – create Impediments to track issues over time</a:t>
            </a:r>
          </a:p>
          <a:p>
            <a:pPr marL="914400" lvl="2" indent="0">
              <a:buNone/>
            </a:pPr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/>
            <a:endParaRPr lang="en-US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436053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2812824" y="1847850"/>
            <a:ext cx="6756851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>
                <a:solidFill>
                  <a:srgbClr val="000000"/>
                </a:solidFill>
                <a:latin typeface="Calibri" panose="020F0502020204030204" pitchFamily="34" charset="0"/>
              </a:rPr>
              <a:t>Enterprise </a:t>
            </a:r>
            <a:r>
              <a:rPr lang="en-US" sz="36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Team Foundation Server</a:t>
            </a:r>
            <a:endParaRPr lang="en-US" sz="36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28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Overview</a:t>
            </a:r>
            <a:endParaRPr lang="en-US" sz="28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924049" y="38100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Font typeface="Wingdings" pitchFamily="2" charset="2"/>
              <a:buNone/>
            </a:pPr>
            <a:r>
              <a:rPr lang="en-US" sz="2400" kern="0" dirty="0" smtClean="0">
                <a:solidFill>
                  <a:srgbClr val="808080"/>
                </a:solidFill>
              </a:rPr>
              <a:t>Mike O’Brien</a:t>
            </a:r>
          </a:p>
          <a:p>
            <a:pPr marL="0" indent="0" algn="ctr" eaLnBrk="1" hangingPunct="1">
              <a:buFont typeface="Wingdings" pitchFamily="2" charset="2"/>
              <a:buNone/>
            </a:pPr>
            <a:endParaRPr lang="en-US" kern="0" dirty="0" smtClean="0">
              <a:solidFill>
                <a:srgbClr val="808080"/>
              </a:solidFill>
            </a:endParaRPr>
          </a:p>
          <a:p>
            <a:pPr marL="0" indent="0" algn="ctr" eaLnBrk="1" hangingPunct="1">
              <a:buFont typeface="Wingdings" pitchFamily="2" charset="2"/>
              <a:buNone/>
            </a:pPr>
            <a:r>
              <a:rPr lang="en-US" kern="0" dirty="0" smtClean="0">
                <a:solidFill>
                  <a:srgbClr val="808080"/>
                </a:solidFill>
              </a:rPr>
              <a:t>November 2014</a:t>
            </a:r>
          </a:p>
        </p:txBody>
      </p:sp>
    </p:spTree>
    <p:extLst>
      <p:ext uri="{BB962C8B-B14F-4D97-AF65-F5344CB8AC3E}">
        <p14:creationId xmlns:p14="http://schemas.microsoft.com/office/powerpoint/2010/main" val="12736688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636" y="231777"/>
            <a:ext cx="10969943" cy="53022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tx2">
                    <a:lumMod val="60000"/>
                    <a:lumOff val="40000"/>
                  </a:schemeClr>
                </a:solidFill>
              </a:rPr>
              <a:t>3M Software </a:t>
            </a:r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actory – Software Engineering for the Future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7310" y="908720"/>
            <a:ext cx="10495933" cy="990600"/>
          </a:xfrm>
        </p:spPr>
        <p:txBody>
          <a:bodyPr>
            <a:normAutofit/>
          </a:bodyPr>
          <a:lstStyle/>
          <a:p>
            <a:pPr>
              <a:buClrTx/>
            </a:pPr>
            <a:r>
              <a:rPr lang="en-US" sz="1800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uilding the software engineering capabilities needed to enable rapid, high-quality and profitable product development.</a:t>
            </a:r>
            <a:endParaRPr lang="en-US" sz="18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16"/>
          <a:stretch/>
        </p:blipFill>
        <p:spPr>
          <a:xfrm>
            <a:off x="3730180" y="1322426"/>
            <a:ext cx="4558859" cy="2754274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69369" y="4247342"/>
            <a:ext cx="3139924" cy="876253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  <a:effectLst>
            <a:reflection stA="50000" endPos="26000" dist="12700" dir="5400000" sy="-100000" algn="bl" rotWithShape="0"/>
          </a:effectLst>
        </p:spPr>
      </p:pic>
      <p:sp>
        <p:nvSpPr>
          <p:cNvPr id="16" name="TextBox 15"/>
          <p:cNvSpPr txBox="1"/>
          <p:nvPr/>
        </p:nvSpPr>
        <p:spPr>
          <a:xfrm>
            <a:off x="148779" y="3771900"/>
            <a:ext cx="3181107" cy="37514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pecialized Software Skillsets</a:t>
            </a:r>
          </a:p>
        </p:txBody>
      </p:sp>
      <p:sp>
        <p:nvSpPr>
          <p:cNvPr id="17" name="Right Arrow 16"/>
          <p:cNvSpPr/>
          <p:nvPr/>
        </p:nvSpPr>
        <p:spPr bwMode="auto">
          <a:xfrm rot="19200000">
            <a:off x="1895752" y="2718077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612171" y="3771900"/>
            <a:ext cx="3241268" cy="37490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oftware Process Development</a:t>
            </a:r>
          </a:p>
        </p:txBody>
      </p:sp>
      <p:pic>
        <p:nvPicPr>
          <p:cNvPr id="19" name="Picture 18" descr="SEI_Software Engineering Institute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1989" y="4305301"/>
            <a:ext cx="2001590" cy="674822"/>
          </a:xfrm>
          <a:prstGeom prst="rect">
            <a:avLst/>
          </a:prstGeom>
          <a:effectLst>
            <a:reflection stA="13000" endPos="57000" dist="152400" dir="5400000" sy="-100000" algn="bl" rotWithShape="0"/>
          </a:effectLst>
        </p:spPr>
      </p:pic>
      <p:sp>
        <p:nvSpPr>
          <p:cNvPr id="20" name="Rectangle 19"/>
          <p:cNvSpPr/>
          <p:nvPr/>
        </p:nvSpPr>
        <p:spPr bwMode="auto">
          <a:xfrm>
            <a:off x="8648464" y="4227434"/>
            <a:ext cx="3219408" cy="916069"/>
          </a:xfrm>
          <a:prstGeom prst="rect">
            <a:avLst/>
          </a:prstGeom>
          <a:noFill/>
          <a:ln w="9525" cap="flat" cmpd="sng" algn="ctr">
            <a:solidFill>
              <a:schemeClr val="bg1">
                <a:lumMod val="6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0538" y="4305300"/>
            <a:ext cx="593399" cy="318210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8771890" y="4686300"/>
            <a:ext cx="1206688" cy="60960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Divisions +</a:t>
            </a:r>
            <a:b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</a:b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 ES Workgroup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4142260" y="4699449"/>
            <a:ext cx="3778918" cy="1388314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endParaRPr lang="en-US" sz="1900" dirty="0">
              <a:solidFill>
                <a:srgbClr val="000000"/>
              </a:solidFill>
            </a:endParaRPr>
          </a:p>
        </p:txBody>
      </p:sp>
      <p:pic>
        <p:nvPicPr>
          <p:cNvPr id="26" name="Picture 25" descr="adobe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0811" y="5564007"/>
            <a:ext cx="1029731" cy="381000"/>
          </a:xfrm>
          <a:prstGeom prst="rect">
            <a:avLst/>
          </a:prstGeom>
        </p:spPr>
      </p:pic>
      <p:pic>
        <p:nvPicPr>
          <p:cNvPr id="27" name="Picture 26" descr="apple.png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71736" y="5373593"/>
            <a:ext cx="465826" cy="571414"/>
          </a:xfrm>
          <a:prstGeom prst="rect">
            <a:avLst/>
          </a:prstGeom>
        </p:spPr>
      </p:pic>
      <p:pic>
        <p:nvPicPr>
          <p:cNvPr id="28" name="Picture 27" descr="sqlserver2008.png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68389" y="5393063"/>
            <a:ext cx="681598" cy="427135"/>
          </a:xfrm>
          <a:prstGeom prst="rect">
            <a:avLst/>
          </a:prstGeom>
        </p:spPr>
      </p:pic>
      <p:pic>
        <p:nvPicPr>
          <p:cNvPr id="29" name="Picture 28" descr="MSFT_logo_png.png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0431" y="4762502"/>
            <a:ext cx="1029732" cy="236838"/>
          </a:xfrm>
          <a:prstGeom prst="rect">
            <a:avLst/>
          </a:prstGeom>
        </p:spPr>
      </p:pic>
      <p:pic>
        <p:nvPicPr>
          <p:cNvPr id="30" name="Picture 29" descr="Android.png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92534" y="5348600"/>
            <a:ext cx="720829" cy="670371"/>
          </a:xfrm>
          <a:prstGeom prst="rect">
            <a:avLst/>
          </a:prstGeom>
        </p:spPr>
      </p:pic>
      <p:pic>
        <p:nvPicPr>
          <p:cNvPr id="31" name="Picture 30" descr="VMware.png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3590" y="5136845"/>
            <a:ext cx="867945" cy="182268"/>
          </a:xfrm>
          <a:prstGeom prst="rect">
            <a:avLst/>
          </a:prstGeom>
        </p:spPr>
      </p:pic>
      <p:pic>
        <p:nvPicPr>
          <p:cNvPr id="32" name="Picture 31" descr="ios_7.png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4365" y="5153480"/>
            <a:ext cx="760062" cy="339495"/>
          </a:xfrm>
          <a:prstGeom prst="rect">
            <a:avLst/>
          </a:prstGeom>
        </p:spPr>
      </p:pic>
      <p:pic>
        <p:nvPicPr>
          <p:cNvPr id="33" name="Picture 32" descr="visual-studio.png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26507" y="5082136"/>
            <a:ext cx="1029732" cy="288325"/>
          </a:xfrm>
          <a:prstGeom prst="rect">
            <a:avLst/>
          </a:prstGeom>
        </p:spPr>
      </p:pic>
      <p:pic>
        <p:nvPicPr>
          <p:cNvPr id="34" name="Picture 33" descr="azure-2.png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3659" y="4686300"/>
            <a:ext cx="2167520" cy="522072"/>
          </a:xfrm>
          <a:prstGeom prst="rect">
            <a:avLst/>
          </a:prstGeom>
        </p:spPr>
      </p:pic>
      <p:sp>
        <p:nvSpPr>
          <p:cNvPr id="36" name="Right Arrow 35"/>
          <p:cNvSpPr/>
          <p:nvPr/>
        </p:nvSpPr>
        <p:spPr bwMode="auto">
          <a:xfrm rot="13200000">
            <a:off x="8531543" y="2707173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111181" y="4152903"/>
            <a:ext cx="3809999" cy="488853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tate of the Art Software Infrastructure</a:t>
            </a:r>
          </a:p>
        </p:txBody>
      </p:sp>
      <p:sp>
        <p:nvSpPr>
          <p:cNvPr id="5" name="Rectangle 4"/>
          <p:cNvSpPr/>
          <p:nvPr/>
        </p:nvSpPr>
        <p:spPr>
          <a:xfrm>
            <a:off x="7347345" y="1792255"/>
            <a:ext cx="783772" cy="2192694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4142259" y="4146804"/>
            <a:ext cx="3778920" cy="1940959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1299229" y="5928074"/>
            <a:ext cx="9031457" cy="942972"/>
            <a:chOff x="1299229" y="5928074"/>
            <a:chExt cx="9031457" cy="942972"/>
          </a:xfrm>
          <a:effectLst/>
        </p:grpSpPr>
        <p:sp>
          <p:nvSpPr>
            <p:cNvPr id="8" name="Rounded Rectangle 7"/>
            <p:cNvSpPr/>
            <p:nvPr/>
          </p:nvSpPr>
          <p:spPr>
            <a:xfrm>
              <a:off x="1539866" y="6218109"/>
              <a:ext cx="8790820" cy="578235"/>
            </a:xfrm>
            <a:prstGeom prst="round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rgbClr val="000000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Provide </a:t>
              </a:r>
              <a:r>
                <a:rPr lang="en-US" dirty="0" smtClean="0">
                  <a:solidFill>
                    <a:srgbClr val="000000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n Enterprise ALM </a:t>
              </a:r>
              <a:r>
                <a:rPr lang="en-US" dirty="0">
                  <a:solidFill>
                    <a:srgbClr val="000000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Service for all </a:t>
              </a:r>
              <a:r>
                <a:rPr lang="en-US" dirty="0" smtClean="0">
                  <a:solidFill>
                    <a:srgbClr val="000000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3M Software teams.</a:t>
              </a:r>
              <a:endParaRPr lang="en-US" dirty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7" name="10-Point Star 36"/>
            <p:cNvSpPr/>
            <p:nvPr/>
          </p:nvSpPr>
          <p:spPr>
            <a:xfrm rot="20858026">
              <a:off x="1299229" y="5928074"/>
              <a:ext cx="1109579" cy="942972"/>
            </a:xfrm>
            <a:prstGeom prst="star10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rgbClr val="FFFFFF"/>
                  </a:solidFill>
                </a:rPr>
                <a:t>Goal</a:t>
              </a:r>
              <a:endParaRPr lang="en-US" dirty="0">
                <a:solidFill>
                  <a:srgbClr val="FFFFFF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58123880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35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Team Foundation Server (TFS)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257139"/>
            <a:ext cx="6677025" cy="1550987"/>
          </a:xfrm>
        </p:spPr>
        <p:txBody>
          <a:bodyPr/>
          <a:lstStyle/>
          <a:p>
            <a:pPr>
              <a:buNone/>
            </a:pPr>
            <a:r>
              <a:rPr lang="en-US" sz="2000" b="1" dirty="0" smtClean="0"/>
              <a:t>Team </a:t>
            </a:r>
            <a:r>
              <a:rPr lang="en-US" sz="2000" b="1" dirty="0"/>
              <a:t>Foundation Server</a:t>
            </a:r>
            <a:r>
              <a:rPr lang="en-US" sz="2000" dirty="0"/>
              <a:t> is a Microsoft product which provides source code management, reporting, requirements management, project management, automated builds, lab management, testing and release management capabilities</a:t>
            </a:r>
            <a:r>
              <a:rPr lang="en-US" sz="2000" dirty="0" smtClean="0"/>
              <a:t>.</a:t>
            </a:r>
            <a:endParaRPr lang="en-US" sz="2000" dirty="0"/>
          </a:p>
        </p:txBody>
      </p:sp>
      <p:pic>
        <p:nvPicPr>
          <p:cNvPr id="4" name="Picture 3" descr="http://arsenalcontent/redirectURL.aspx?ContentID=148675&amp;Url=Marketing/VSTS%202010%20Stadium%20Graphic%20-%20NDA08102008174509/vsts_diagram1_v3_3block_print.png&amp;Portal=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490066" y="516709"/>
            <a:ext cx="4395018" cy="30318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9" name="Group 8"/>
          <p:cNvGrpSpPr/>
          <p:nvPr/>
        </p:nvGrpSpPr>
        <p:grpSpPr>
          <a:xfrm>
            <a:off x="825683" y="2739303"/>
            <a:ext cx="4196983" cy="3911860"/>
            <a:chOff x="825683" y="2739303"/>
            <a:chExt cx="4196983" cy="3911860"/>
          </a:xfrm>
        </p:grpSpPr>
        <p:graphicFrame>
          <p:nvGraphicFramePr>
            <p:cNvPr id="6" name="Diagram 5"/>
            <p:cNvGraphicFramePr/>
            <p:nvPr>
              <p:extLst/>
            </p:nvPr>
          </p:nvGraphicFramePr>
          <p:xfrm>
            <a:off x="825683" y="2739303"/>
            <a:ext cx="4196983" cy="391186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7" name="TextBox 6"/>
            <p:cNvSpPr txBox="1"/>
            <p:nvPr/>
          </p:nvSpPr>
          <p:spPr>
            <a:xfrm>
              <a:off x="2154518" y="3945944"/>
              <a:ext cx="1707502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 smtClean="0">
                  <a:solidFill>
                    <a:srgbClr val="000000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pplication Lifecycle Management (ALM)</a:t>
              </a:r>
              <a:endParaRPr lang="en-US" dirty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10" name="Rectangle 9"/>
          <p:cNvSpPr/>
          <p:nvPr/>
        </p:nvSpPr>
        <p:spPr>
          <a:xfrm>
            <a:off x="5272216" y="4104830"/>
            <a:ext cx="6096000" cy="1631216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2000" b="1" dirty="0">
                <a:solidFill>
                  <a:srgbClr val="000000"/>
                </a:solidFill>
              </a:rPr>
              <a:t>Application Lifecycle Management </a:t>
            </a:r>
            <a:r>
              <a:rPr lang="en-US" sz="2000" dirty="0">
                <a:solidFill>
                  <a:srgbClr val="000000"/>
                </a:solidFill>
              </a:rPr>
              <a:t>using Visual Studio Team Foundation Server provides proven practices to manage application lifecycle. Manage source code across teams; develop, build, and test applications; plan projects, track work, and report progress. </a:t>
            </a:r>
          </a:p>
        </p:txBody>
      </p:sp>
    </p:spTree>
    <p:extLst>
      <p:ext uri="{BB962C8B-B14F-4D97-AF65-F5344CB8AC3E}">
        <p14:creationId xmlns:p14="http://schemas.microsoft.com/office/powerpoint/2010/main" val="304072067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pport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912284" y="1532721"/>
            <a:ext cx="7002991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frastructure hosted in 3M Data Cente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igh Availability install of Team Foundation Server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oad Balanced across multiple machine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99.9% predicted upti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tabase cluster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igh Availability of Data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d 3M IT Database Team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ackups follow 3M standards for data reten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raining Available for TFS and Scrum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veloper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ject Managers/</a:t>
            </a:r>
            <a:r>
              <a:rPr lang="en-US" dirty="0" err="1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crumMasters</a:t>
            </a:r>
            <a:endParaRPr lang="en-US" dirty="0" smtClean="0">
              <a:solidFill>
                <a:srgbClr val="0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duct Owner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er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keholde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ystem Support 24x7x365 via 3-1000 or </a:t>
            </a:r>
            <a:r>
              <a:rPr lang="en-US" dirty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http://ithelp.mmm.com</a:t>
            </a:r>
            <a:endParaRPr lang="en-US" dirty="0">
              <a:solidFill>
                <a:srgbClr val="0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 smtClean="0">
              <a:solidFill>
                <a:srgbClr val="0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67893" y="1232939"/>
            <a:ext cx="2285714" cy="2285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4130201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Scrum Recap</a:t>
            </a:r>
          </a:p>
          <a:p>
            <a:r>
              <a:rPr lang="en-US" dirty="0" smtClean="0"/>
              <a:t>ETFS Demos</a:t>
            </a:r>
          </a:p>
          <a:p>
            <a:pPr lvl="1"/>
            <a:r>
              <a:rPr lang="en-US" dirty="0" smtClean="0"/>
              <a:t>Team Project Setup</a:t>
            </a:r>
          </a:p>
          <a:p>
            <a:pPr lvl="1"/>
            <a:r>
              <a:rPr lang="en-US" dirty="0" smtClean="0"/>
              <a:t>Build the Backlog</a:t>
            </a:r>
          </a:p>
          <a:p>
            <a:pPr lvl="1"/>
            <a:r>
              <a:rPr lang="en-US" dirty="0" smtClean="0"/>
              <a:t>Release Planning</a:t>
            </a:r>
          </a:p>
          <a:p>
            <a:pPr lvl="1"/>
            <a:r>
              <a:rPr lang="en-US" dirty="0" smtClean="0"/>
              <a:t>Sprint Planning</a:t>
            </a:r>
          </a:p>
          <a:p>
            <a:pPr lvl="1"/>
            <a:r>
              <a:rPr lang="en-US" dirty="0" smtClean="0"/>
              <a:t>Daily Standup</a:t>
            </a:r>
          </a:p>
          <a:p>
            <a:pPr lvl="1"/>
            <a:r>
              <a:rPr lang="en-US" dirty="0" smtClean="0"/>
              <a:t>Sprint Review</a:t>
            </a:r>
          </a:p>
          <a:p>
            <a:pPr lvl="1"/>
            <a:r>
              <a:rPr lang="en-US" dirty="0" smtClean="0"/>
              <a:t>Sprint Retrospective</a:t>
            </a:r>
          </a:p>
          <a:p>
            <a:r>
              <a:rPr lang="en-US" dirty="0" smtClean="0"/>
              <a:t>ETFS – Overview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704880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Structure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/>
          </p:nvPr>
        </p:nvGraphicFramePr>
        <p:xfrm>
          <a:off x="2031999" y="1284051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394179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-67092"/>
            <a:ext cx="10972800" cy="530225"/>
          </a:xfrm>
        </p:spPr>
        <p:txBody>
          <a:bodyPr/>
          <a:lstStyle/>
          <a:p>
            <a:r>
              <a:rPr lang="en-US" dirty="0" smtClean="0"/>
              <a:t>ETFS Architecture – QA and PRO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0274" y="463133"/>
            <a:ext cx="8871451" cy="5931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1559269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MS </a:t>
            </a:r>
            <a:r>
              <a:rPr lang="en-US" dirty="0" err="1" smtClean="0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438184"/>
            <a:ext cx="7536391" cy="990691"/>
          </a:xfrm>
        </p:spPr>
        <p:txBody>
          <a:bodyPr/>
          <a:lstStyle/>
          <a:p>
            <a:pPr marL="0" indent="0">
              <a:buNone/>
            </a:pPr>
            <a:r>
              <a:rPr lang="en-US" sz="1600" b="1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pPr marL="0" indent="0">
              <a:buNone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tomate Build, Deployment, Configuration, Testing and production deployment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4054" y="212369"/>
            <a:ext cx="3271030" cy="31074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1538" y="2428875"/>
            <a:ext cx="6229350" cy="403934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7514454" y="3593993"/>
            <a:ext cx="4265654" cy="14562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>
              <a:buFont typeface="Wingdings" pitchFamily="2" charset="2"/>
              <a:buNone/>
            </a:pP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1400" b="1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Team Onboarding and Migration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Service Enhancements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</a:t>
            </a:r>
            <a:r>
              <a:rPr lang="en-US" sz="1400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 for SEMS and Division Teams (T&amp;M)</a:t>
            </a:r>
          </a:p>
        </p:txBody>
      </p:sp>
    </p:spTree>
    <p:extLst>
      <p:ext uri="{BB962C8B-B14F-4D97-AF65-F5344CB8AC3E}">
        <p14:creationId xmlns:p14="http://schemas.microsoft.com/office/powerpoint/2010/main" val="263746696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rgbClr val="000000"/>
                </a:solidFill>
                <a:latin typeface="Arial" pitchFamily="34" charset="0"/>
              </a:rPr>
              <a:t>TFS Technology</a:t>
            </a:r>
            <a:endParaRPr lang="en-US" b="1" dirty="0">
              <a:solidFill>
                <a:srgbClr val="000000"/>
              </a:solidFill>
              <a:latin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solidFill>
                  <a:srgbClr val="000000"/>
                </a:solidFill>
                <a:latin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rgbClr val="000000"/>
                </a:solidFill>
                <a:latin typeface="Arial" pitchFamily="34" charset="0"/>
              </a:rPr>
              <a:t>Value Added</a:t>
            </a:r>
            <a:endParaRPr lang="en-US" b="1" dirty="0">
              <a:solidFill>
                <a:srgbClr val="000000"/>
              </a:solidFill>
              <a:latin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B84F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FFFFFF"/>
                </a:solidFill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B84F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FFFFFF"/>
                </a:solidFill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FFFFFF"/>
                </a:solidFill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solidFill>
                  <a:srgbClr val="FFFFFF"/>
                </a:solidFill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FFFFFF"/>
                </a:solidFill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>
                <a:solidFill>
                  <a:srgbClr val="FFFFFF"/>
                </a:solidFill>
              </a:rPr>
              <a:t>TFS</a:t>
            </a: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B84F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FFFFFF"/>
                </a:solidFill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>
                <a:solidFill>
                  <a:srgbClr val="FFFFFF"/>
                </a:solidFill>
              </a:rPr>
              <a:t>Enterprise Software Development Process</a:t>
            </a: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rgbClr val="000000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rgbClr val="000000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rgbClr val="000000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rgbClr val="000000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rgbClr val="000000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rgbClr val="000000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rgbClr val="000000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rgbClr val="000000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rgbClr val="000000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7721840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chnology Roadma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438184"/>
            <a:ext cx="10651066" cy="4572091"/>
          </a:xfrm>
        </p:spPr>
        <p:txBody>
          <a:bodyPr/>
          <a:lstStyle/>
          <a:p>
            <a:pPr marL="0" indent="0">
              <a:buNone/>
            </a:pP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Build Services</a:t>
            </a:r>
            <a:r>
              <a:rPr lang="en-US" sz="1600" b="1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- </a:t>
            </a: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erprise Build Farm</a:t>
            </a:r>
          </a:p>
          <a:p>
            <a:pPr>
              <a:buFontTx/>
              <a:buChar char="-"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ative Build machines (Windows / </a:t>
            </a:r>
            <a:r>
              <a:rPr lang="en-US" sz="1600" dirty="0" err="1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.Net</a:t>
            </a: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/ Visual Studio)</a:t>
            </a:r>
          </a:p>
          <a:p>
            <a:pPr>
              <a:buFontTx/>
              <a:buChar char="-"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ross Platform Builds – Java/Android, iOS</a:t>
            </a:r>
          </a:p>
          <a:p>
            <a:pPr marL="0" indent="0">
              <a:buNone/>
            </a:pPr>
            <a:endParaRPr lang="en-US" sz="1600" dirty="0" smtClean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0" indent="0">
              <a:buNone/>
            </a:pPr>
            <a:r>
              <a:rPr lang="en-US" sz="1600" b="1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 Management Services</a:t>
            </a:r>
          </a:p>
          <a:p>
            <a:pPr>
              <a:buFontTx/>
              <a:buChar char="-"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erprise Test Controllers</a:t>
            </a:r>
          </a:p>
          <a:p>
            <a:pPr marL="0" indent="0">
              <a:buNone/>
            </a:pPr>
            <a:endParaRPr lang="en-US" sz="1600" dirty="0" smtClean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0" indent="0">
              <a:buNone/>
            </a:pPr>
            <a:r>
              <a:rPr lang="en-US" sz="1600" b="1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ollup Reporting </a:t>
            </a: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- Enterprise Reporting</a:t>
            </a:r>
          </a:p>
          <a:p>
            <a:pPr>
              <a:buFontTx/>
              <a:buChar char="-"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ports across Team Projects / Businesses / Divisions</a:t>
            </a:r>
          </a:p>
          <a:p>
            <a:pPr>
              <a:buFontTx/>
              <a:buChar char="-"/>
            </a:pPr>
            <a:endParaRPr lang="en-US" sz="1600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0" indent="0">
              <a:buNone/>
            </a:pPr>
            <a:r>
              <a:rPr lang="en-US" sz="1600" b="1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ployment Services</a:t>
            </a:r>
          </a:p>
          <a:p>
            <a:pPr marL="0" indent="0">
              <a:buNone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- Automate Build, Configuration, </a:t>
            </a:r>
            <a:r>
              <a:rPr lang="en-US" sz="16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ployment, </a:t>
            </a: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ing, and Production Environments</a:t>
            </a:r>
          </a:p>
          <a:p>
            <a:pPr marL="0" indent="0">
              <a:buNone/>
            </a:pPr>
            <a:endParaRPr lang="en-US" sz="1600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0" indent="0">
              <a:buNone/>
            </a:pPr>
            <a:endParaRPr lang="en-US" sz="1600" dirty="0" smtClean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9575" y="1150939"/>
            <a:ext cx="2857500" cy="2857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210411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136" name="TextBox 135"/>
          <p:cNvSpPr txBox="1"/>
          <p:nvPr>
            <p:custDataLst>
              <p:tags r:id="rId1"/>
            </p:custDataLst>
          </p:nvPr>
        </p:nvSpPr>
        <p:spPr>
          <a:xfrm>
            <a:off x="9100249" y="3089708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TextBox 136"/>
          <p:cNvSpPr txBox="1"/>
          <p:nvPr>
            <p:custDataLst>
              <p:tags r:id="rId2"/>
            </p:custDataLst>
          </p:nvPr>
        </p:nvSpPr>
        <p:spPr>
          <a:xfrm>
            <a:off x="9728283" y="3089708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TextBox 137"/>
          <p:cNvSpPr txBox="1"/>
          <p:nvPr>
            <p:custDataLst>
              <p:tags r:id="rId3"/>
            </p:custDataLst>
          </p:nvPr>
        </p:nvSpPr>
        <p:spPr>
          <a:xfrm>
            <a:off x="10336057" y="3089709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Rectangle 138"/>
          <p:cNvSpPr/>
          <p:nvPr>
            <p:custDataLst>
              <p:tags r:id="rId4"/>
            </p:custDataLst>
          </p:nvPr>
        </p:nvSpPr>
        <p:spPr>
          <a:xfrm>
            <a:off x="2349677" y="3074080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TextBox 139"/>
          <p:cNvSpPr txBox="1"/>
          <p:nvPr>
            <p:custDataLst>
              <p:tags r:id="rId5"/>
            </p:custDataLst>
          </p:nvPr>
        </p:nvSpPr>
        <p:spPr>
          <a:xfrm>
            <a:off x="1454885" y="3110633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r"/>
            <a:r>
              <a:rPr lang="en-US" sz="2700" b="1" dirty="0" smtClean="0">
                <a:solidFill>
                  <a:srgbClr val="333399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41" name="TextBox 140"/>
          <p:cNvSpPr txBox="1"/>
          <p:nvPr>
            <p:custDataLst>
              <p:tags r:id="rId6"/>
            </p:custDataLst>
          </p:nvPr>
        </p:nvSpPr>
        <p:spPr>
          <a:xfrm>
            <a:off x="2349677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Straight Connector 141"/>
          <p:cNvCxnSpPr/>
          <p:nvPr>
            <p:custDataLst>
              <p:tags r:id="rId7"/>
            </p:custDataLst>
          </p:nvPr>
        </p:nvCxnSpPr>
        <p:spPr>
          <a:xfrm>
            <a:off x="2977711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TextBox 142"/>
          <p:cNvSpPr txBox="1"/>
          <p:nvPr>
            <p:custDataLst>
              <p:tags r:id="rId8"/>
            </p:custDataLst>
          </p:nvPr>
        </p:nvSpPr>
        <p:spPr>
          <a:xfrm>
            <a:off x="2977711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44" name="Straight Connector 143"/>
          <p:cNvCxnSpPr/>
          <p:nvPr>
            <p:custDataLst>
              <p:tags r:id="rId9"/>
            </p:custDataLst>
          </p:nvPr>
        </p:nvCxnSpPr>
        <p:spPr>
          <a:xfrm>
            <a:off x="3544967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TextBox 144"/>
          <p:cNvSpPr txBox="1"/>
          <p:nvPr>
            <p:custDataLst>
              <p:tags r:id="rId10"/>
            </p:custDataLst>
          </p:nvPr>
        </p:nvSpPr>
        <p:spPr>
          <a:xfrm>
            <a:off x="3544967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46" name="Straight Connector 145"/>
          <p:cNvCxnSpPr/>
          <p:nvPr>
            <p:custDataLst>
              <p:tags r:id="rId11"/>
            </p:custDataLst>
          </p:nvPr>
        </p:nvCxnSpPr>
        <p:spPr>
          <a:xfrm>
            <a:off x="4173001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TextBox 146"/>
          <p:cNvSpPr txBox="1"/>
          <p:nvPr>
            <p:custDataLst>
              <p:tags r:id="rId12"/>
            </p:custDataLst>
          </p:nvPr>
        </p:nvSpPr>
        <p:spPr>
          <a:xfrm>
            <a:off x="4173001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48" name="Straight Connector 147"/>
          <p:cNvCxnSpPr/>
          <p:nvPr>
            <p:custDataLst>
              <p:tags r:id="rId13"/>
            </p:custDataLst>
          </p:nvPr>
        </p:nvCxnSpPr>
        <p:spPr>
          <a:xfrm>
            <a:off x="4780776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TextBox 148"/>
          <p:cNvSpPr txBox="1"/>
          <p:nvPr>
            <p:custDataLst>
              <p:tags r:id="rId14"/>
            </p:custDataLst>
          </p:nvPr>
        </p:nvSpPr>
        <p:spPr>
          <a:xfrm>
            <a:off x="4780776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50" name="Straight Connector 149"/>
          <p:cNvCxnSpPr/>
          <p:nvPr>
            <p:custDataLst>
              <p:tags r:id="rId15"/>
            </p:custDataLst>
          </p:nvPr>
        </p:nvCxnSpPr>
        <p:spPr>
          <a:xfrm>
            <a:off x="5408811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TextBox 150"/>
          <p:cNvSpPr txBox="1"/>
          <p:nvPr>
            <p:custDataLst>
              <p:tags r:id="rId16"/>
            </p:custDataLst>
          </p:nvPr>
        </p:nvSpPr>
        <p:spPr>
          <a:xfrm>
            <a:off x="5408811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52" name="Straight Connector 151"/>
          <p:cNvCxnSpPr/>
          <p:nvPr>
            <p:custDataLst>
              <p:tags r:id="rId17"/>
            </p:custDataLst>
          </p:nvPr>
        </p:nvCxnSpPr>
        <p:spPr>
          <a:xfrm>
            <a:off x="6016585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TextBox 152"/>
          <p:cNvSpPr txBox="1"/>
          <p:nvPr>
            <p:custDataLst>
              <p:tags r:id="rId18"/>
            </p:custDataLst>
          </p:nvPr>
        </p:nvSpPr>
        <p:spPr>
          <a:xfrm>
            <a:off x="6016585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54" name="Straight Connector 153"/>
          <p:cNvCxnSpPr/>
          <p:nvPr>
            <p:custDataLst>
              <p:tags r:id="rId19"/>
            </p:custDataLst>
          </p:nvPr>
        </p:nvCxnSpPr>
        <p:spPr>
          <a:xfrm>
            <a:off x="6644620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TextBox 154"/>
          <p:cNvSpPr txBox="1"/>
          <p:nvPr>
            <p:custDataLst>
              <p:tags r:id="rId20"/>
            </p:custDataLst>
          </p:nvPr>
        </p:nvSpPr>
        <p:spPr>
          <a:xfrm>
            <a:off x="6644620" y="307408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56" name="Straight Connector 155"/>
          <p:cNvCxnSpPr/>
          <p:nvPr>
            <p:custDataLst>
              <p:tags r:id="rId21"/>
            </p:custDataLst>
          </p:nvPr>
        </p:nvCxnSpPr>
        <p:spPr>
          <a:xfrm>
            <a:off x="7272654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TextBox 156"/>
          <p:cNvSpPr txBox="1"/>
          <p:nvPr>
            <p:custDataLst>
              <p:tags r:id="rId22"/>
            </p:custDataLst>
          </p:nvPr>
        </p:nvSpPr>
        <p:spPr>
          <a:xfrm>
            <a:off x="7272654" y="3074080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58" name="Straight Connector 157"/>
          <p:cNvCxnSpPr/>
          <p:nvPr>
            <p:custDataLst>
              <p:tags r:id="rId23"/>
            </p:custDataLst>
          </p:nvPr>
        </p:nvCxnSpPr>
        <p:spPr>
          <a:xfrm>
            <a:off x="7880428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TextBox 158"/>
          <p:cNvSpPr txBox="1"/>
          <p:nvPr>
            <p:custDataLst>
              <p:tags r:id="rId24"/>
            </p:custDataLst>
          </p:nvPr>
        </p:nvSpPr>
        <p:spPr>
          <a:xfrm>
            <a:off x="7880428" y="3074080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cxnSp>
        <p:nvCxnSpPr>
          <p:cNvPr id="160" name="Straight Connector 159"/>
          <p:cNvCxnSpPr/>
          <p:nvPr>
            <p:custDataLst>
              <p:tags r:id="rId25"/>
            </p:custDataLst>
          </p:nvPr>
        </p:nvCxnSpPr>
        <p:spPr>
          <a:xfrm>
            <a:off x="8508462" y="322648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TextBox 160"/>
          <p:cNvSpPr txBox="1"/>
          <p:nvPr>
            <p:custDataLst>
              <p:tags r:id="rId26"/>
            </p:custDataLst>
          </p:nvPr>
        </p:nvSpPr>
        <p:spPr>
          <a:xfrm>
            <a:off x="8508462" y="3074080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rgbClr val="808080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rgbClr val="808080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Rectangle 161"/>
          <p:cNvSpPr/>
          <p:nvPr>
            <p:custDataLst>
              <p:tags r:id="rId27"/>
            </p:custDataLst>
          </p:nvPr>
        </p:nvSpPr>
        <p:spPr>
          <a:xfrm flipV="1">
            <a:off x="2348216" y="3529311"/>
            <a:ext cx="859583" cy="52768"/>
          </a:xfrm>
          <a:prstGeom prst="rect">
            <a:avLst/>
          </a:prstGeom>
          <a:solidFill>
            <a:srgbClr val="00B0F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Isosceles Triangle 162"/>
          <p:cNvSpPr/>
          <p:nvPr>
            <p:custDataLst>
              <p:tags r:id="rId28"/>
            </p:custDataLst>
          </p:nvPr>
        </p:nvSpPr>
        <p:spPr>
          <a:xfrm>
            <a:off x="3158282" y="3597557"/>
            <a:ext cx="127000" cy="139701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TextBox 163"/>
          <p:cNvSpPr txBox="1"/>
          <p:nvPr>
            <p:custDataLst>
              <p:tags r:id="rId29"/>
            </p:custDataLst>
          </p:nvPr>
        </p:nvSpPr>
        <p:spPr>
          <a:xfrm>
            <a:off x="2904959" y="3806591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  <a:endParaRPr lang="en-US" sz="2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Isosceles Triangle 164"/>
          <p:cNvSpPr/>
          <p:nvPr>
            <p:custDataLst>
              <p:tags r:id="rId30"/>
            </p:custDataLst>
          </p:nvPr>
        </p:nvSpPr>
        <p:spPr>
          <a:xfrm rot="10800000">
            <a:off x="5382328" y="2764435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TextBox 165"/>
          <p:cNvSpPr txBox="1"/>
          <p:nvPr>
            <p:custDataLst>
              <p:tags r:id="rId31"/>
            </p:custDataLst>
          </p:nvPr>
        </p:nvSpPr>
        <p:spPr>
          <a:xfrm rot="19396299">
            <a:off x="5150426" y="2090065"/>
            <a:ext cx="203021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C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IS Target for all Rational Teams migrated</a:t>
            </a:r>
            <a:endParaRPr lang="en-US" sz="1000" dirty="0">
              <a:solidFill>
                <a:srgbClr val="FFC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7" name="Isosceles Triangle 166"/>
          <p:cNvSpPr/>
          <p:nvPr>
            <p:custDataLst>
              <p:tags r:id="rId32"/>
            </p:custDataLst>
          </p:nvPr>
        </p:nvSpPr>
        <p:spPr>
          <a:xfrm rot="10800000">
            <a:off x="4019828" y="2772645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TextBox 167"/>
          <p:cNvSpPr txBox="1"/>
          <p:nvPr>
            <p:custDataLst>
              <p:tags r:id="rId33"/>
            </p:custDataLst>
          </p:nvPr>
        </p:nvSpPr>
        <p:spPr>
          <a:xfrm rot="19396299">
            <a:off x="3901684" y="2377346"/>
            <a:ext cx="1284905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333399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rvice Available</a:t>
            </a:r>
            <a:endParaRPr lang="en-US" sz="1000" dirty="0">
              <a:solidFill>
                <a:srgbClr val="333399">
                  <a:lumMod val="75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9" name="Isosceles Triangle 168"/>
          <p:cNvSpPr/>
          <p:nvPr>
            <p:custDataLst>
              <p:tags r:id="rId34"/>
            </p:custDataLst>
          </p:nvPr>
        </p:nvSpPr>
        <p:spPr>
          <a:xfrm rot="10800000">
            <a:off x="5864997" y="2754158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TextBox 169"/>
          <p:cNvSpPr txBox="1"/>
          <p:nvPr>
            <p:custDataLst>
              <p:tags r:id="rId35"/>
            </p:custDataLst>
          </p:nvPr>
        </p:nvSpPr>
        <p:spPr>
          <a:xfrm rot="19380577">
            <a:off x="5652401" y="2197376"/>
            <a:ext cx="171154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overnance Policies Established</a:t>
            </a:r>
            <a:endParaRPr lang="en-US" sz="10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71" name="Isosceles Triangle 170"/>
          <p:cNvSpPr/>
          <p:nvPr>
            <p:custDataLst>
              <p:tags r:id="rId36"/>
            </p:custDataLst>
          </p:nvPr>
        </p:nvSpPr>
        <p:spPr>
          <a:xfrm rot="10800000">
            <a:off x="2329292" y="2810298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TextBox 171"/>
          <p:cNvSpPr txBox="1"/>
          <p:nvPr>
            <p:custDataLst>
              <p:tags r:id="rId37"/>
            </p:custDataLst>
          </p:nvPr>
        </p:nvSpPr>
        <p:spPr>
          <a:xfrm rot="19396299">
            <a:off x="2098755" y="2266184"/>
            <a:ext cx="151963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rt Onboarding HIS Teams</a:t>
            </a:r>
            <a:endParaRPr lang="en-US" sz="1000" dirty="0">
              <a:solidFill>
                <a:srgbClr val="00B0F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73" name="Straight Connector 172"/>
          <p:cNvCxnSpPr/>
          <p:nvPr>
            <p:custDataLst>
              <p:tags r:id="rId38"/>
            </p:custDataLst>
          </p:nvPr>
        </p:nvCxnSpPr>
        <p:spPr>
          <a:xfrm>
            <a:off x="9100249" y="3227407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Straight Connector 173"/>
          <p:cNvCxnSpPr/>
          <p:nvPr>
            <p:custDataLst>
              <p:tags r:id="rId39"/>
            </p:custDataLst>
          </p:nvPr>
        </p:nvCxnSpPr>
        <p:spPr>
          <a:xfrm>
            <a:off x="9728283" y="3227407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Straight Connector 174"/>
          <p:cNvCxnSpPr/>
          <p:nvPr>
            <p:custDataLst>
              <p:tags r:id="rId40"/>
            </p:custDataLst>
          </p:nvPr>
        </p:nvCxnSpPr>
        <p:spPr>
          <a:xfrm>
            <a:off x="10336057" y="3227407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Isosceles Triangle 175"/>
          <p:cNvSpPr/>
          <p:nvPr>
            <p:custDataLst>
              <p:tags r:id="rId41"/>
            </p:custDataLst>
          </p:nvPr>
        </p:nvSpPr>
        <p:spPr>
          <a:xfrm rot="10800000">
            <a:off x="7735620" y="2792605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TextBox 176"/>
          <p:cNvSpPr txBox="1"/>
          <p:nvPr>
            <p:custDataLst>
              <p:tags r:id="rId42"/>
            </p:custDataLst>
          </p:nvPr>
        </p:nvSpPr>
        <p:spPr>
          <a:xfrm rot="19297939">
            <a:off x="7607959" y="2327738"/>
            <a:ext cx="1524000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C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PD/FSD Migrated</a:t>
            </a:r>
            <a:endParaRPr lang="en-US" sz="1000" dirty="0">
              <a:solidFill>
                <a:srgbClr val="FFC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78" name="Isosceles Triangle 177"/>
          <p:cNvSpPr/>
          <p:nvPr>
            <p:custDataLst>
              <p:tags r:id="rId43"/>
            </p:custDataLst>
          </p:nvPr>
        </p:nvSpPr>
        <p:spPr>
          <a:xfrm rot="10800000">
            <a:off x="6512682" y="2792605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TextBox 178"/>
          <p:cNvSpPr txBox="1"/>
          <p:nvPr>
            <p:custDataLst>
              <p:tags r:id="rId44"/>
            </p:custDataLst>
          </p:nvPr>
        </p:nvSpPr>
        <p:spPr>
          <a:xfrm rot="19396299">
            <a:off x="6283763" y="2234734"/>
            <a:ext cx="1700652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333399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ll SEMSTFS Teams Migrated</a:t>
            </a:r>
            <a:endParaRPr lang="en-US" sz="1000" dirty="0">
              <a:solidFill>
                <a:srgbClr val="333399">
                  <a:lumMod val="75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80" name="Isosceles Triangle 179"/>
          <p:cNvSpPr/>
          <p:nvPr>
            <p:custDataLst>
              <p:tags r:id="rId45"/>
            </p:custDataLst>
          </p:nvPr>
        </p:nvSpPr>
        <p:spPr>
          <a:xfrm rot="10800000">
            <a:off x="9584767" y="2800018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TextBox 180"/>
          <p:cNvSpPr txBox="1"/>
          <p:nvPr>
            <p:custDataLst>
              <p:tags r:id="rId46"/>
            </p:custDataLst>
          </p:nvPr>
        </p:nvSpPr>
        <p:spPr>
          <a:xfrm rot="19380577">
            <a:off x="9372171" y="2304791"/>
            <a:ext cx="1711541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rt MVSS Migration</a:t>
            </a:r>
            <a:endParaRPr lang="en-US" sz="10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29801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5" name="Rounded Rectangle 124"/>
          <p:cNvSpPr/>
          <p:nvPr/>
        </p:nvSpPr>
        <p:spPr>
          <a:xfrm>
            <a:off x="473542" y="1095375"/>
            <a:ext cx="1828324" cy="609600"/>
          </a:xfrm>
          <a:prstGeom prst="roundRect">
            <a:avLst/>
          </a:prstGeom>
          <a:solidFill>
            <a:srgbClr val="FF0000"/>
          </a:solidFill>
          <a:ln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nroll</a:t>
            </a:r>
            <a:endParaRPr lang="en-ZA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26" name="Rounded Rectangle 125"/>
          <p:cNvSpPr/>
          <p:nvPr/>
        </p:nvSpPr>
        <p:spPr>
          <a:xfrm>
            <a:off x="2936700" y="1095375"/>
            <a:ext cx="1828324" cy="609600"/>
          </a:xfrm>
          <a:prstGeom prst="roundRect">
            <a:avLst/>
          </a:prstGeom>
          <a:solidFill>
            <a:srgbClr val="FFC000"/>
          </a:solidFill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laboration</a:t>
            </a:r>
            <a:endParaRPr lang="en-ZA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27" name="Rounded Rectangle 126"/>
          <p:cNvSpPr/>
          <p:nvPr/>
        </p:nvSpPr>
        <p:spPr>
          <a:xfrm>
            <a:off x="5399859" y="1095375"/>
            <a:ext cx="1828324" cy="609600"/>
          </a:xfrm>
          <a:prstGeom prst="roundRect">
            <a:avLst/>
          </a:prstGeom>
          <a:solidFill>
            <a:srgbClr val="0070C0"/>
          </a:solidFill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raining</a:t>
            </a:r>
            <a:endParaRPr lang="en-ZA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28" name="Rounded Rectangle 127"/>
          <p:cNvSpPr/>
          <p:nvPr/>
        </p:nvSpPr>
        <p:spPr>
          <a:xfrm>
            <a:off x="7863017" y="1095375"/>
            <a:ext cx="1828324" cy="609600"/>
          </a:xfrm>
          <a:prstGeom prst="roundRect">
            <a:avLst/>
          </a:prstGeom>
          <a:solidFill>
            <a:srgbClr val="00B0F0"/>
          </a:solidFill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igration</a:t>
            </a:r>
            <a:endParaRPr lang="en-ZA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29" name="Rounded Rectangle 128"/>
          <p:cNvSpPr/>
          <p:nvPr/>
        </p:nvSpPr>
        <p:spPr>
          <a:xfrm>
            <a:off x="10326175" y="1095375"/>
            <a:ext cx="1828324" cy="609600"/>
          </a:xfrm>
          <a:prstGeom prst="roundRect">
            <a:avLst/>
          </a:prstGeom>
          <a:solidFill>
            <a:srgbClr val="00B050"/>
          </a:solidFill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doption</a:t>
            </a:r>
            <a:endParaRPr lang="en-ZA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cxnSp>
        <p:nvCxnSpPr>
          <p:cNvPr id="130" name="Straight Arrow Connector 129"/>
          <p:cNvCxnSpPr>
            <a:stCxn id="125" idx="3"/>
            <a:endCxn id="126" idx="1"/>
          </p:cNvCxnSpPr>
          <p:nvPr/>
        </p:nvCxnSpPr>
        <p:spPr>
          <a:xfrm>
            <a:off x="2301866" y="1400175"/>
            <a:ext cx="634835" cy="1588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31" name="Straight Arrow Connector 130"/>
          <p:cNvCxnSpPr>
            <a:stCxn id="126" idx="3"/>
            <a:endCxn id="127" idx="1"/>
          </p:cNvCxnSpPr>
          <p:nvPr/>
        </p:nvCxnSpPr>
        <p:spPr>
          <a:xfrm>
            <a:off x="4765024" y="1400175"/>
            <a:ext cx="634835" cy="1588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32" name="Straight Arrow Connector 131"/>
          <p:cNvCxnSpPr>
            <a:stCxn id="127" idx="3"/>
            <a:endCxn id="128" idx="1"/>
          </p:cNvCxnSpPr>
          <p:nvPr/>
        </p:nvCxnSpPr>
        <p:spPr>
          <a:xfrm>
            <a:off x="7228182" y="1400175"/>
            <a:ext cx="634835" cy="1588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128" idx="3"/>
            <a:endCxn id="129" idx="1"/>
          </p:cNvCxnSpPr>
          <p:nvPr/>
        </p:nvCxnSpPr>
        <p:spPr>
          <a:xfrm>
            <a:off x="9691341" y="1400175"/>
            <a:ext cx="634835" cy="1588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134" name="Elbow Connector 133"/>
          <p:cNvCxnSpPr>
            <a:stCxn id="129" idx="0"/>
            <a:endCxn id="125" idx="0"/>
          </p:cNvCxnSpPr>
          <p:nvPr/>
        </p:nvCxnSpPr>
        <p:spPr>
          <a:xfrm rot="16200000" flipV="1">
            <a:off x="6314285" y="-3830942"/>
            <a:ext cx="1588" cy="9852634"/>
          </a:xfrm>
          <a:prstGeom prst="bentConnector3">
            <a:avLst>
              <a:gd name="adj1" fmla="val 19244527"/>
            </a:avLst>
          </a:prstGeom>
          <a:ln>
            <a:prstDash val="sysDash"/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135" name="TextBox 134"/>
          <p:cNvSpPr txBox="1"/>
          <p:nvPr/>
        </p:nvSpPr>
        <p:spPr>
          <a:xfrm>
            <a:off x="4204067" y="454814"/>
            <a:ext cx="432041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i="1" dirty="0" smtClean="0">
                <a:solidFill>
                  <a:srgbClr val="C00000"/>
                </a:solidFill>
              </a:rPr>
              <a:t>Continuously re-evaluate the onboarding process</a:t>
            </a:r>
            <a:endParaRPr lang="en-ZA" i="1" dirty="0">
              <a:solidFill>
                <a:srgbClr val="C00000"/>
              </a:solidFill>
            </a:endParaRPr>
          </a:p>
        </p:txBody>
      </p:sp>
      <p:sp>
        <p:nvSpPr>
          <p:cNvPr id="136" name="Rectangle 135"/>
          <p:cNvSpPr/>
          <p:nvPr/>
        </p:nvSpPr>
        <p:spPr>
          <a:xfrm>
            <a:off x="2148972" y="1566212"/>
            <a:ext cx="304721" cy="22860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000000"/>
              </a:solidFill>
            </a:endParaRPr>
          </a:p>
        </p:txBody>
      </p:sp>
      <p:sp>
        <p:nvSpPr>
          <p:cNvPr id="137" name="Rectangle 136"/>
          <p:cNvSpPr/>
          <p:nvPr/>
        </p:nvSpPr>
        <p:spPr>
          <a:xfrm>
            <a:off x="4599567" y="1566212"/>
            <a:ext cx="304721" cy="22860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000000"/>
              </a:solidFill>
            </a:endParaRPr>
          </a:p>
        </p:txBody>
      </p:sp>
      <p:sp>
        <p:nvSpPr>
          <p:cNvPr id="138" name="Rectangle 137"/>
          <p:cNvSpPr/>
          <p:nvPr/>
        </p:nvSpPr>
        <p:spPr>
          <a:xfrm>
            <a:off x="7075822" y="1566212"/>
            <a:ext cx="304721" cy="22860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000000"/>
              </a:solidFill>
            </a:endParaRPr>
          </a:p>
        </p:txBody>
      </p:sp>
      <p:sp>
        <p:nvSpPr>
          <p:cNvPr id="139" name="Rectangle 138"/>
          <p:cNvSpPr/>
          <p:nvPr/>
        </p:nvSpPr>
        <p:spPr>
          <a:xfrm>
            <a:off x="9525351" y="1566212"/>
            <a:ext cx="304721" cy="22860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000000"/>
              </a:solidFill>
            </a:endParaRPr>
          </a:p>
        </p:txBody>
      </p:sp>
      <p:sp>
        <p:nvSpPr>
          <p:cNvPr id="140" name="Rectangle 139"/>
          <p:cNvSpPr/>
          <p:nvPr/>
        </p:nvSpPr>
        <p:spPr>
          <a:xfrm>
            <a:off x="11988776" y="1566212"/>
            <a:ext cx="304721" cy="22860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000000"/>
              </a:solidFill>
            </a:endParaRPr>
          </a:p>
        </p:txBody>
      </p:sp>
      <p:sp>
        <p:nvSpPr>
          <p:cNvPr id="141" name="TextBox 140"/>
          <p:cNvSpPr txBox="1"/>
          <p:nvPr/>
        </p:nvSpPr>
        <p:spPr>
          <a:xfrm>
            <a:off x="591444" y="2060914"/>
            <a:ext cx="2471691" cy="364715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am Identification…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orkflow requirement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orkflow customization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urce control requirement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uild/CI requirement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legate task to gather team members and define sub-team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legate task to define area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legate task to define sprint schedule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dentify Team Interdependencie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legate Licensing Inventory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chedule…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frame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raining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terials…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FS Getting Started Guide*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crum Primer*</a:t>
            </a:r>
          </a:p>
          <a:p>
            <a:pPr marL="115888" indent="-115888"/>
            <a:endParaRPr lang="en-US" sz="1050" b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6075" lvl="1" indent="-114300">
              <a:buFont typeface="Arial" pitchFamily="34" charset="0"/>
              <a:buChar char="•"/>
            </a:pPr>
            <a:endParaRPr lang="en-US" sz="1050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6075" lvl="1" indent="-114300">
              <a:buFont typeface="Arial" pitchFamily="34" charset="0"/>
              <a:buChar char="•"/>
            </a:pPr>
            <a:endParaRPr lang="en-US" sz="1050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6075" lvl="1" indent="-114300">
              <a:buFont typeface="Arial" pitchFamily="34" charset="0"/>
              <a:buChar char="•"/>
            </a:pPr>
            <a:endParaRPr lang="en-US" sz="1050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2" name="Down Arrow 141"/>
          <p:cNvSpPr/>
          <p:nvPr/>
        </p:nvSpPr>
        <p:spPr>
          <a:xfrm>
            <a:off x="1133237" y="1819275"/>
            <a:ext cx="507868" cy="228600"/>
          </a:xfrm>
          <a:prstGeom prst="downArrow">
            <a:avLst/>
          </a:prstGeom>
          <a:solidFill>
            <a:srgbClr val="FF0000"/>
          </a:solidFill>
          <a:ln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43" name="TextBox 142"/>
          <p:cNvSpPr txBox="1"/>
          <p:nvPr/>
        </p:nvSpPr>
        <p:spPr>
          <a:xfrm>
            <a:off x="2961561" y="2060912"/>
            <a:ext cx="2200217" cy="2354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quirement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ioritize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tch to solution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dd team to queue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d possible scenario(s)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igration Plan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orkflow Scenario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presentative Migration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chnical Scenarios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05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napshot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urce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chive Availability</a:t>
            </a:r>
          </a:p>
          <a:p>
            <a:pPr marL="346075" lvl="1" indent="-114300">
              <a:buFont typeface="Arial" pitchFamily="34" charset="0"/>
              <a:buChar char="•"/>
            </a:pPr>
            <a:endParaRPr lang="en-US" sz="1050" dirty="0" smtClean="0">
              <a:solidFill>
                <a:srgbClr val="D09E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4" name="Down Arrow 143"/>
          <p:cNvSpPr/>
          <p:nvPr/>
        </p:nvSpPr>
        <p:spPr>
          <a:xfrm>
            <a:off x="3602797" y="1819275"/>
            <a:ext cx="507868" cy="228600"/>
          </a:xfrm>
          <a:prstGeom prst="downArrow">
            <a:avLst/>
          </a:prstGeom>
          <a:solidFill>
            <a:srgbClr val="FFC000"/>
          </a:solidFill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46" name="TextBox 145"/>
          <p:cNvSpPr txBox="1"/>
          <p:nvPr/>
        </p:nvSpPr>
        <p:spPr>
          <a:xfrm>
            <a:off x="2897424" y="6074596"/>
            <a:ext cx="2470548" cy="246221"/>
          </a:xfrm>
          <a:prstGeom prst="rect">
            <a:avLst/>
          </a:prstGeom>
          <a:solidFill>
            <a:schemeClr val="bg1">
              <a:alpha val="84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sz="1000" i="1" dirty="0" smtClean="0">
                <a:solidFill>
                  <a:srgbClr val="00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efer to “TFS Team Elaboration Details”</a:t>
            </a:r>
            <a:endParaRPr lang="en-ZA" sz="1000" i="1" dirty="0"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48" name="TextBox 147"/>
          <p:cNvSpPr txBox="1"/>
          <p:nvPr/>
        </p:nvSpPr>
        <p:spPr>
          <a:xfrm>
            <a:off x="5261646" y="2060912"/>
            <a:ext cx="2240037" cy="90024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eneral TFS Training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veloper TFS Training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ject Management Training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 Manager Training (optional)</a:t>
            </a:r>
          </a:p>
          <a:p>
            <a:pPr marL="115888" indent="-115888">
              <a:buFont typeface="+mj-lt"/>
              <a:buAutoNum type="arabicPeriod"/>
            </a:pPr>
            <a:endParaRPr lang="en-US" sz="1050" dirty="0" smtClean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49" name="Straight Arrow Connector 148"/>
          <p:cNvCxnSpPr>
            <a:stCxn id="148" idx="2"/>
            <a:endCxn id="157" idx="0"/>
          </p:cNvCxnSpPr>
          <p:nvPr/>
        </p:nvCxnSpPr>
        <p:spPr>
          <a:xfrm>
            <a:off x="6381665" y="2961158"/>
            <a:ext cx="22742" cy="2018358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50" name="Down Arrow 149"/>
          <p:cNvSpPr/>
          <p:nvPr/>
        </p:nvSpPr>
        <p:spPr>
          <a:xfrm>
            <a:off x="6110340" y="1819275"/>
            <a:ext cx="507868" cy="228600"/>
          </a:xfrm>
          <a:prstGeom prst="downArrow">
            <a:avLst/>
          </a:prstGeom>
          <a:solidFill>
            <a:srgbClr val="0070C0"/>
          </a:solidFill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51" name="TextBox 150"/>
          <p:cNvSpPr txBox="1"/>
          <p:nvPr/>
        </p:nvSpPr>
        <p:spPr>
          <a:xfrm>
            <a:off x="7771480" y="2074738"/>
            <a:ext cx="2163093" cy="57708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ta Migration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alculate production impact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spond to environment issues</a:t>
            </a:r>
          </a:p>
        </p:txBody>
      </p:sp>
      <p:sp>
        <p:nvSpPr>
          <p:cNvPr id="152" name="Down Arrow 151"/>
          <p:cNvSpPr/>
          <p:nvPr/>
        </p:nvSpPr>
        <p:spPr>
          <a:xfrm>
            <a:off x="8548105" y="1819275"/>
            <a:ext cx="507868" cy="228600"/>
          </a:xfrm>
          <a:prstGeom prst="downArrow">
            <a:avLst/>
          </a:prstGeom>
          <a:solidFill>
            <a:srgbClr val="00B0F0"/>
          </a:solidFill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cxnSp>
        <p:nvCxnSpPr>
          <p:cNvPr id="153" name="Straight Arrow Connector 152"/>
          <p:cNvCxnSpPr>
            <a:stCxn id="151" idx="2"/>
            <a:endCxn id="156" idx="0"/>
          </p:cNvCxnSpPr>
          <p:nvPr/>
        </p:nvCxnSpPr>
        <p:spPr>
          <a:xfrm flipH="1">
            <a:off x="8853026" y="2651819"/>
            <a:ext cx="1" cy="1625128"/>
          </a:xfrm>
          <a:prstGeom prst="straightConnector1">
            <a:avLst/>
          </a:prstGeom>
          <a:ln w="12700">
            <a:solidFill>
              <a:srgbClr val="00B0F0"/>
            </a:solidFill>
            <a:prstDash val="sysDash"/>
            <a:headEnd type="oval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54" name="TextBox 153"/>
          <p:cNvSpPr txBox="1"/>
          <p:nvPr/>
        </p:nvSpPr>
        <p:spPr>
          <a:xfrm>
            <a:off x="10549725" y="2060912"/>
            <a:ext cx="919162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00B050"/>
                </a:solidFill>
              </a:rPr>
              <a:t>Monitor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050" b="1" dirty="0" smtClean="0">
                <a:solidFill>
                  <a:srgbClr val="00B050"/>
                </a:solidFill>
              </a:rPr>
              <a:t>Re-evaluate</a:t>
            </a:r>
          </a:p>
        </p:txBody>
      </p:sp>
      <p:sp>
        <p:nvSpPr>
          <p:cNvPr id="155" name="Down Arrow 154"/>
          <p:cNvSpPr/>
          <p:nvPr/>
        </p:nvSpPr>
        <p:spPr>
          <a:xfrm>
            <a:off x="10954075" y="1819275"/>
            <a:ext cx="507868" cy="228600"/>
          </a:xfrm>
          <a:prstGeom prst="downArrow">
            <a:avLst/>
          </a:prstGeom>
          <a:solidFill>
            <a:srgbClr val="00B050"/>
          </a:solidFill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56" name="TextBox 155"/>
          <p:cNvSpPr txBox="1"/>
          <p:nvPr/>
        </p:nvSpPr>
        <p:spPr>
          <a:xfrm>
            <a:off x="8085829" y="4276947"/>
            <a:ext cx="1534394" cy="2192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1125" indent="-111125" algn="ctr"/>
            <a:r>
              <a:rPr lang="en-US" sz="1050" b="1" u="sng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act</a:t>
            </a:r>
          </a:p>
          <a:p>
            <a:pPr marL="111125" indent="-111125">
              <a:buFont typeface="Arial" pitchFamily="34" charset="0"/>
              <a:buChar char="•"/>
            </a:pPr>
            <a:r>
              <a:rPr lang="en-US" sz="1050" b="1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cenario Time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owntime</a:t>
            </a:r>
          </a:p>
          <a:p>
            <a:pPr marL="111125" indent="-111125">
              <a:buFont typeface="Arial" pitchFamily="34" charset="0"/>
              <a:buChar char="•"/>
            </a:pPr>
            <a:r>
              <a:rPr lang="en-US" sz="1050" b="1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vironment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upport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intenance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ollow up training</a:t>
            </a:r>
          </a:p>
          <a:p>
            <a:pPr marL="111125" indent="-111125">
              <a:buFont typeface="Arial" pitchFamily="34" charset="0"/>
              <a:buChar char="•"/>
            </a:pPr>
            <a:r>
              <a:rPr lang="en-US" sz="1050" b="1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cess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rt-time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05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ngoing</a:t>
            </a:r>
          </a:p>
          <a:p>
            <a:pPr marL="346075" indent="-109538">
              <a:buFont typeface="Arial" pitchFamily="34" charset="0"/>
              <a:buChar char="•"/>
            </a:pPr>
            <a:endParaRPr lang="en-US" sz="1050" dirty="0" smtClean="0">
              <a:solidFill>
                <a:srgbClr val="00B0F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57" name="Picture 156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64008" y="4979516"/>
            <a:ext cx="1880797" cy="1295834"/>
          </a:xfrm>
          <a:prstGeom prst="rect">
            <a:avLst/>
          </a:prstGeom>
        </p:spPr>
      </p:pic>
      <p:pic>
        <p:nvPicPr>
          <p:cNvPr id="162" name="Picture 4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10537607" y="5253842"/>
            <a:ext cx="1226118" cy="6949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163" name="Straight Arrow Connector 162"/>
          <p:cNvCxnSpPr/>
          <p:nvPr/>
        </p:nvCxnSpPr>
        <p:spPr>
          <a:xfrm flipH="1">
            <a:off x="11149930" y="2549196"/>
            <a:ext cx="14727" cy="2680553"/>
          </a:xfrm>
          <a:prstGeom prst="straightConnector1">
            <a:avLst/>
          </a:prstGeom>
          <a:ln>
            <a:headEnd type="oval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64" name="TextBox 163"/>
          <p:cNvSpPr txBox="1"/>
          <p:nvPr/>
        </p:nvSpPr>
        <p:spPr>
          <a:xfrm>
            <a:off x="9610212" y="6039266"/>
            <a:ext cx="2797688" cy="246221"/>
          </a:xfrm>
          <a:prstGeom prst="rect">
            <a:avLst/>
          </a:prstGeom>
          <a:solidFill>
            <a:schemeClr val="bg1">
              <a:alpha val="84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1000" i="1" dirty="0" smtClean="0">
                <a:solidFill>
                  <a:srgbClr val="00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efer to “Migration Guidance and Readiness”</a:t>
            </a:r>
            <a:endParaRPr lang="en-ZA" sz="1000" i="1" dirty="0"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65" name="TextBox 164"/>
          <p:cNvSpPr txBox="1"/>
          <p:nvPr/>
        </p:nvSpPr>
        <p:spPr>
          <a:xfrm>
            <a:off x="584789" y="6341417"/>
            <a:ext cx="2471691" cy="24622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0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* = In Progress</a:t>
            </a:r>
          </a:p>
        </p:txBody>
      </p:sp>
      <p:sp>
        <p:nvSpPr>
          <p:cNvPr id="166" name="TextBox 165"/>
          <p:cNvSpPr txBox="1"/>
          <p:nvPr/>
        </p:nvSpPr>
        <p:spPr>
          <a:xfrm>
            <a:off x="94470" y="-2547"/>
            <a:ext cx="391677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rgbClr val="0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TFS Onboarding Workflow</a:t>
            </a:r>
            <a:endParaRPr lang="en-US" sz="2400" dirty="0">
              <a:solidFill>
                <a:srgbClr val="0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74" name="Straight Arrow Connector 173"/>
          <p:cNvCxnSpPr>
            <a:endCxn id="162" idx="0"/>
          </p:cNvCxnSpPr>
          <p:nvPr/>
        </p:nvCxnSpPr>
        <p:spPr>
          <a:xfrm>
            <a:off x="11149930" y="2566913"/>
            <a:ext cx="736" cy="2686929"/>
          </a:xfrm>
          <a:prstGeom prst="straightConnector1">
            <a:avLst/>
          </a:prstGeom>
          <a:ln w="12700">
            <a:solidFill>
              <a:srgbClr val="00B050"/>
            </a:solidFill>
            <a:prstDash val="sysDash"/>
            <a:headEnd type="oval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1770643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board – Environment Migration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>
          <a:xfrm>
            <a:off x="2130892" y="1581150"/>
            <a:ext cx="1828324" cy="838200"/>
          </a:xfrm>
          <a:prstGeom prst="roundRect">
            <a:avLst/>
          </a:prstGeom>
          <a:solidFill>
            <a:srgbClr val="FF0000"/>
          </a:solidFill>
          <a:ln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DEV</a:t>
            </a:r>
          </a:p>
          <a:p>
            <a:pPr algn="ctr"/>
            <a:r>
              <a:rPr lang="en-US" sz="1600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tfsdev.mmm.com</a:t>
            </a:r>
            <a:endParaRPr lang="en-ZA" sz="160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" name="Rounded Rectangle 4"/>
          <p:cNvSpPr/>
          <p:nvPr/>
        </p:nvSpPr>
        <p:spPr>
          <a:xfrm>
            <a:off x="5279938" y="1581150"/>
            <a:ext cx="1828324" cy="836612"/>
          </a:xfrm>
          <a:prstGeom prst="roundRect">
            <a:avLst/>
          </a:prstGeom>
          <a:solidFill>
            <a:srgbClr val="D09E00"/>
          </a:solidFill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QA</a:t>
            </a:r>
          </a:p>
          <a:p>
            <a:pPr algn="ctr"/>
            <a:r>
              <a:rPr lang="en-US" sz="1600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tfsqa.mmm.com</a:t>
            </a:r>
            <a:endParaRPr lang="en-ZA" sz="160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Rounded Rectangle 5"/>
          <p:cNvSpPr/>
          <p:nvPr/>
        </p:nvSpPr>
        <p:spPr>
          <a:xfrm>
            <a:off x="8420206" y="1581150"/>
            <a:ext cx="1828324" cy="836612"/>
          </a:xfrm>
          <a:prstGeom prst="roundRect">
            <a:avLst/>
          </a:prstGeom>
          <a:solidFill>
            <a:srgbClr val="0070C0"/>
          </a:solidFill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PROD</a:t>
            </a:r>
          </a:p>
          <a:p>
            <a:pPr algn="ctr"/>
            <a:r>
              <a:rPr lang="en-US" sz="1600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tfs.mmm.com</a:t>
            </a:r>
            <a:endParaRPr lang="en-ZA" sz="160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7" name="Straight Arrow Connector 6"/>
          <p:cNvCxnSpPr>
            <a:stCxn id="5" idx="3"/>
            <a:endCxn id="6" idx="1"/>
          </p:cNvCxnSpPr>
          <p:nvPr/>
        </p:nvCxnSpPr>
        <p:spPr>
          <a:xfrm>
            <a:off x="7108262" y="1999456"/>
            <a:ext cx="1311944" cy="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11" name="Down Arrow 10"/>
          <p:cNvSpPr/>
          <p:nvPr/>
        </p:nvSpPr>
        <p:spPr>
          <a:xfrm>
            <a:off x="2790587" y="2533650"/>
            <a:ext cx="507868" cy="228600"/>
          </a:xfrm>
          <a:prstGeom prst="downArrow">
            <a:avLst/>
          </a:prstGeom>
          <a:solidFill>
            <a:srgbClr val="FF0000"/>
          </a:solidFill>
          <a:ln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2" name="Down Arrow 11"/>
          <p:cNvSpPr/>
          <p:nvPr/>
        </p:nvSpPr>
        <p:spPr>
          <a:xfrm>
            <a:off x="5946035" y="2532062"/>
            <a:ext cx="507868" cy="228600"/>
          </a:xfrm>
          <a:prstGeom prst="downArrow">
            <a:avLst/>
          </a:prstGeom>
          <a:solidFill>
            <a:srgbClr val="FFC000"/>
          </a:solidFill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sp>
        <p:nvSpPr>
          <p:cNvPr id="13" name="Down Arrow 12"/>
          <p:cNvSpPr/>
          <p:nvPr/>
        </p:nvSpPr>
        <p:spPr>
          <a:xfrm>
            <a:off x="9130688" y="2532062"/>
            <a:ext cx="507868" cy="228600"/>
          </a:xfrm>
          <a:prstGeom prst="downArrow">
            <a:avLst/>
          </a:prstGeom>
          <a:solidFill>
            <a:srgbClr val="0070C0"/>
          </a:solidFill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>
              <a:solidFill>
                <a:srgbClr val="FFFFFF"/>
              </a:solidFill>
            </a:endParaRPr>
          </a:p>
        </p:txBody>
      </p:sp>
      <p:cxnSp>
        <p:nvCxnSpPr>
          <p:cNvPr id="14" name="Straight Arrow Connector 13"/>
          <p:cNvCxnSpPr>
            <a:stCxn id="4" idx="3"/>
            <a:endCxn id="5" idx="1"/>
          </p:cNvCxnSpPr>
          <p:nvPr/>
        </p:nvCxnSpPr>
        <p:spPr>
          <a:xfrm flipV="1">
            <a:off x="3959216" y="1999456"/>
            <a:ext cx="1320722" cy="794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2062609" y="2847973"/>
            <a:ext cx="2471691" cy="246221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10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am Projects are ‘disposable’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lexible on permissions</a:t>
            </a:r>
            <a:endParaRPr lang="en-US" sz="1100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reate multiple team projects – if needed</a:t>
            </a:r>
            <a:endParaRPr lang="en-US" sz="1100" b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115888" indent="-115888">
              <a:buFont typeface="+mj-lt"/>
              <a:buAutoNum type="arabicPeriod"/>
            </a:pPr>
            <a:r>
              <a:rPr lang="en-US" sz="110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totype the Team Project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orkflow customization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urce control structure and migration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missions / Groups / Teams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10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chedule Promotion to QA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 workflow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 source migrations test</a:t>
            </a:r>
          </a:p>
          <a:p>
            <a:pPr marL="3175" indent="-228600">
              <a:buFont typeface="+mj-lt"/>
              <a:buAutoNum type="arabicPeriod"/>
            </a:pPr>
            <a:r>
              <a:rPr lang="en-US" sz="1100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rst target for Updates/Upgrades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5278022" y="2874962"/>
            <a:ext cx="2406737" cy="22929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5888" indent="-115888">
              <a:buFont typeface="+mj-lt"/>
              <a:buAutoNum type="arabicPeriod"/>
            </a:pPr>
            <a:r>
              <a:rPr lang="en-US" sz="110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am Projects same as PROD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missions identical to PROD</a:t>
            </a:r>
          </a:p>
          <a:p>
            <a:pPr marL="115888" indent="-115888">
              <a:buFont typeface="+mj-lt"/>
              <a:buAutoNum type="arabicPeriod"/>
            </a:pPr>
            <a:r>
              <a:rPr lang="en-US" sz="110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ging for PROD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 Migration Plan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 source migration test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presentative Migration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chnical Scenarios</a:t>
            </a:r>
          </a:p>
          <a:p>
            <a:pPr marL="346075" lvl="1" indent="-114300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Updates &amp; Upgrades</a:t>
            </a:r>
          </a:p>
          <a:p>
            <a:r>
              <a:rPr lang="en-US" sz="1100" b="1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3. Schedule Promotion to PROD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napshot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urce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D09E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chive Availability</a:t>
            </a:r>
          </a:p>
          <a:p>
            <a:pPr marL="346075" lvl="1" indent="-114300">
              <a:buFont typeface="Arial" pitchFamily="34" charset="0"/>
              <a:buChar char="•"/>
            </a:pPr>
            <a:endParaRPr lang="en-US" sz="1100" dirty="0" smtClean="0">
              <a:solidFill>
                <a:srgbClr val="D09E00"/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8428481" y="2847973"/>
            <a:ext cx="2520104" cy="1785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. Go Live Launch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mmunicate to team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chive Availability</a:t>
            </a:r>
            <a:endParaRPr lang="en-US" sz="1100" b="1" dirty="0" smtClean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b="1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. Team Projects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manent home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l target of Migration</a:t>
            </a:r>
          </a:p>
          <a:p>
            <a:pPr marL="346075" indent="-109538">
              <a:buFont typeface="Arial" pitchFamily="34" charset="0"/>
              <a:buChar char="•"/>
            </a:pPr>
            <a:r>
              <a:rPr lang="en-US" sz="1100" dirty="0" smtClean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cess Template changes – </a:t>
            </a:r>
            <a:endParaRPr lang="en-US" sz="1100" dirty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346075" indent="-109538">
              <a:buFont typeface="Arial" pitchFamily="34" charset="0"/>
              <a:buChar char="•"/>
            </a:pPr>
            <a:endParaRPr lang="en-US" sz="1100" dirty="0" smtClean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115888" indent="-115888">
              <a:buFont typeface="+mj-lt"/>
              <a:buAutoNum type="arabicPeriod"/>
            </a:pPr>
            <a:endParaRPr lang="en-US" sz="1100" dirty="0" smtClean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593760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crumMaster</a:t>
            </a:r>
            <a:r>
              <a:rPr lang="en-US" dirty="0" smtClean="0"/>
              <a:t> Train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ttended </a:t>
            </a:r>
            <a:r>
              <a:rPr lang="en-US" dirty="0" err="1" smtClean="0"/>
              <a:t>ScrumMaster</a:t>
            </a:r>
            <a:r>
              <a:rPr lang="en-US" dirty="0" smtClean="0"/>
              <a:t> training in early August from </a:t>
            </a:r>
            <a:r>
              <a:rPr lang="en-US" dirty="0" err="1" smtClean="0"/>
              <a:t>cPrime</a:t>
            </a:r>
            <a:endParaRPr lang="en-US" dirty="0" smtClean="0"/>
          </a:p>
          <a:p>
            <a:r>
              <a:rPr lang="en-US" dirty="0" smtClean="0"/>
              <a:t>Overview of the training, i.e.,  2 days in 1 hour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79185" y="2902878"/>
            <a:ext cx="7233629" cy="39551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347534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rum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0717" y="1624013"/>
            <a:ext cx="10658475" cy="4552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067536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rum Role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5162" y="1549170"/>
            <a:ext cx="9381675" cy="4904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22401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8175" y="114300"/>
            <a:ext cx="10915650" cy="6629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76403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rum Ceremonies (Meet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 smtClean="0"/>
              <a:t>Sprint Planning</a:t>
            </a:r>
            <a:r>
              <a:rPr lang="en-US" dirty="0" smtClean="0"/>
              <a:t>:  held at the beginning of each sprint for the team to commit Product Backlog Items to the Sprint Backlog</a:t>
            </a:r>
          </a:p>
          <a:p>
            <a:r>
              <a:rPr lang="en-US" b="1" dirty="0" smtClean="0"/>
              <a:t>Sprint Standup (Daily Scrum)</a:t>
            </a:r>
            <a:r>
              <a:rPr lang="en-US" dirty="0" smtClean="0"/>
              <a:t>:  a 15 minute time-boxed event for the Team to inspect, adapt and transparently synchronize on the Sprint Goal</a:t>
            </a:r>
          </a:p>
          <a:p>
            <a:r>
              <a:rPr lang="en-US" b="1" dirty="0" smtClean="0"/>
              <a:t>Sprint Review</a:t>
            </a:r>
            <a:r>
              <a:rPr lang="en-US" dirty="0" smtClean="0"/>
              <a:t>:  Feedback mechanism for stakeholders to see working product increments</a:t>
            </a:r>
          </a:p>
          <a:p>
            <a:r>
              <a:rPr lang="en-US" b="1" dirty="0" smtClean="0"/>
              <a:t>Sprint Retrospective</a:t>
            </a:r>
            <a:r>
              <a:rPr lang="en-US" dirty="0" smtClean="0"/>
              <a:t>:  an inspect and adapt mechanism for the Team regarding their Proces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71906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rum Ceremonies (Meet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 smtClean="0"/>
              <a:t>Release Planning</a:t>
            </a:r>
            <a:r>
              <a:rPr lang="en-US" dirty="0" smtClean="0"/>
              <a:t> (Optional):  An optional session that comes from the </a:t>
            </a:r>
            <a:r>
              <a:rPr lang="en-US" dirty="0" err="1" smtClean="0"/>
              <a:t>eXtreme</a:t>
            </a:r>
            <a:r>
              <a:rPr lang="en-US" dirty="0" smtClean="0"/>
              <a:t> Programming framework</a:t>
            </a:r>
          </a:p>
          <a:p>
            <a:r>
              <a:rPr lang="en-US" dirty="0" smtClean="0"/>
              <a:t>A Release is made up of multiple Sprints or Iterations</a:t>
            </a:r>
          </a:p>
          <a:p>
            <a:r>
              <a:rPr lang="en-US" dirty="0" smtClean="0"/>
              <a:t>In this session the Product Owner, </a:t>
            </a:r>
            <a:r>
              <a:rPr lang="en-US" dirty="0" err="1" smtClean="0"/>
              <a:t>ScrumMaster</a:t>
            </a:r>
            <a:r>
              <a:rPr lang="en-US" dirty="0" smtClean="0"/>
              <a:t>, and Team and anyone else necessary collaborate on:</a:t>
            </a:r>
          </a:p>
          <a:p>
            <a:pPr lvl="1"/>
            <a:r>
              <a:rPr lang="en-US" dirty="0" smtClean="0"/>
              <a:t>What to Build</a:t>
            </a:r>
          </a:p>
          <a:p>
            <a:pPr lvl="1"/>
            <a:r>
              <a:rPr lang="en-US" dirty="0" smtClean="0"/>
              <a:t>In What Order</a:t>
            </a:r>
          </a:p>
          <a:p>
            <a:pPr lvl="1"/>
            <a:r>
              <a:rPr lang="en-US" dirty="0" smtClean="0"/>
              <a:t>By Wh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90914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0600" y="95250"/>
            <a:ext cx="10210800" cy="6667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67258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444</TotalTime>
  <Words>1154</Words>
  <Application>Microsoft Office PowerPoint</Application>
  <PresentationFormat>Widescreen</PresentationFormat>
  <Paragraphs>304</Paragraphs>
  <Slides>2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7</vt:i4>
      </vt:variant>
    </vt:vector>
  </HeadingPairs>
  <TitlesOfParts>
    <vt:vector size="39" baseType="lpstr">
      <vt:lpstr>ＭＳ Ｐゴシック</vt:lpstr>
      <vt:lpstr>Arial</vt:lpstr>
      <vt:lpstr>Arial Black</vt:lpstr>
      <vt:lpstr>Arial Narrow</vt:lpstr>
      <vt:lpstr>Calibri</vt:lpstr>
      <vt:lpstr>Calibri Light</vt:lpstr>
      <vt:lpstr>Segoe UI</vt:lpstr>
      <vt:lpstr>Segoe UI Light</vt:lpstr>
      <vt:lpstr>Segoe UI Semibold</vt:lpstr>
      <vt:lpstr>Wingdings</vt:lpstr>
      <vt:lpstr>Office Theme</vt:lpstr>
      <vt:lpstr>3_CRPL</vt:lpstr>
      <vt:lpstr>Scrum &amp; ETFS – Part II</vt:lpstr>
      <vt:lpstr>Agenda</vt:lpstr>
      <vt:lpstr>ScrumMaster Training</vt:lpstr>
      <vt:lpstr>Scrum</vt:lpstr>
      <vt:lpstr>Scrum Roles</vt:lpstr>
      <vt:lpstr>PowerPoint Presentation</vt:lpstr>
      <vt:lpstr>Scrum Ceremonies (Meetings)</vt:lpstr>
      <vt:lpstr>Scrum Ceremonies (Meetings)</vt:lpstr>
      <vt:lpstr>PowerPoint Presentation</vt:lpstr>
      <vt:lpstr>ETFS</vt:lpstr>
      <vt:lpstr>ETFS</vt:lpstr>
      <vt:lpstr>ETFS</vt:lpstr>
      <vt:lpstr>ETFS</vt:lpstr>
      <vt:lpstr>ETFS</vt:lpstr>
      <vt:lpstr>ETFS</vt:lpstr>
      <vt:lpstr>PowerPoint Presentation</vt:lpstr>
      <vt:lpstr>3M Software Factory – Software Engineering for the Future</vt:lpstr>
      <vt:lpstr>What is Team Foundation Server (TFS)?</vt:lpstr>
      <vt:lpstr>Support</vt:lpstr>
      <vt:lpstr>ETFS Team Structure</vt:lpstr>
      <vt:lpstr>ETFS Architecture – QA and PROD</vt:lpstr>
      <vt:lpstr>SEMS DevOps</vt:lpstr>
      <vt:lpstr>Technology Platform and Roadmap</vt:lpstr>
      <vt:lpstr>Technology Roadmap</vt:lpstr>
      <vt:lpstr>ETFS Timeline</vt:lpstr>
      <vt:lpstr>PowerPoint Presentation</vt:lpstr>
      <vt:lpstr>Onboard – Environment Migr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crum &amp; ETFS</dc:title>
  <dc:creator>Mike O'Brien</dc:creator>
  <cp:lastModifiedBy>Mike O'Brien</cp:lastModifiedBy>
  <cp:revision>32</cp:revision>
  <dcterms:created xsi:type="dcterms:W3CDTF">2014-10-20T14:05:53Z</dcterms:created>
  <dcterms:modified xsi:type="dcterms:W3CDTF">2015-01-20T03:05:07Z</dcterms:modified>
</cp:coreProperties>
</file>